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8.1\"/>
    </mc:Choice>
  </mc:AlternateContent>
  <xr:revisionPtr revIDLastSave="0" documentId="13_ncr:1_{4E3A3A48-BC79-4A4C-975C-37729223560B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表紙" sheetId="9" r:id="rId1"/>
    <sheet name="地域密着型特養" sheetId="1" r:id="rId2"/>
    <sheet name="地域密着型デイ" sheetId="2" r:id="rId3"/>
    <sheet name="定期巡回・随時対応型" sheetId="3" r:id="rId4"/>
    <sheet name="夜間対応型訪問介護" sheetId="4" r:id="rId5"/>
    <sheet name="グループホーム" sheetId="5" r:id="rId6"/>
    <sheet name="認知症対応型通所介護" sheetId="6" r:id="rId7"/>
    <sheet name="小規模多機能居宅介護" sheetId="7" r:id="rId8"/>
    <sheet name="看護小規模多機能型居宅介護" sheetId="8" r:id="rId9"/>
  </sheets>
  <definedNames>
    <definedName name="_xlnm._FilterDatabase" localSheetId="5" hidden="1">#REF!</definedName>
    <definedName name="_xlnm._FilterDatabase" localSheetId="8" hidden="1">看護小規模多機能型居宅介護!$A$1:$L$1</definedName>
    <definedName name="_xlnm._FilterDatabase" localSheetId="7" hidden="1">小規模多機能居宅介護!$A$1:$Q$1</definedName>
    <definedName name="_xlnm._FilterDatabase" localSheetId="2" hidden="1">地域密着型デイ!$A$1:$L$92</definedName>
    <definedName name="_xlnm._FilterDatabase" localSheetId="1" hidden="1">地域密着型特養!$A$1:$K$1</definedName>
    <definedName name="_xlnm._FilterDatabase" localSheetId="3" hidden="1">定期巡回・随時対応型!$A$1:$I$2</definedName>
    <definedName name="_xlnm._FilterDatabase" localSheetId="6" hidden="1">認知症対応型通所介護!$A$1:$N$17</definedName>
    <definedName name="_xlnm._FilterDatabase" localSheetId="4" hidden="1">夜間対応型訪問介護!$A$1:$I$2</definedName>
    <definedName name="_xlnm.Print_Area" localSheetId="5">グループホーム!$A$1:$L$45</definedName>
    <definedName name="_xlnm.Print_Area" localSheetId="2">地域密着型デイ!$A$1:$L$92</definedName>
    <definedName name="_xlnm.Print_Area" localSheetId="1">地域密着型特養!$A$1:$K$18</definedName>
    <definedName name="_xlnm.Print_Area" localSheetId="3">定期巡回・随時対応型!$A$1:$I$7</definedName>
    <definedName name="_xlnm.Print_Area" localSheetId="6">認知症対応型通所介護!$A$1:$L$17</definedName>
    <definedName name="_xlnm.Print_Titles" localSheetId="7">小規模多機能居宅介護!$1:$1</definedName>
    <definedName name="_xlnm.Print_Titles" localSheetId="2">地域密着型デイ!$1:$1</definedName>
    <definedName name="_xlnm.Print_Titles" localSheetId="3">定期巡回・随時対応型!$1:$1</definedName>
    <definedName name="_xlnm.Print_Titles" localSheetId="6">認知症対応型通所介護!$1:$1</definedName>
    <definedName name="_xlnm.Print_Titles" localSheetId="4">夜間対応型訪問介護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6" i="8" l="1"/>
  <c r="D26" i="7"/>
  <c r="D17" i="6"/>
  <c r="D45" i="5"/>
  <c r="D92" i="2"/>
  <c r="E16" i="1"/>
  <c r="D16" i="1"/>
</calcChain>
</file>

<file path=xl/sharedStrings.xml><?xml version="1.0" encoding="utf-8"?>
<sst xmlns="http://schemas.openxmlformats.org/spreadsheetml/2006/main" count="1488" uniqueCount="896">
  <si>
    <r>
      <t>076-436-</t>
    </r>
    <r>
      <rPr>
        <sz val="11"/>
        <rFont val="ＭＳ Ｐゴシック"/>
        <family val="3"/>
        <charset val="128"/>
      </rPr>
      <t>2206</t>
    </r>
  </si>
  <si>
    <t>076-455-8339</t>
  </si>
  <si>
    <t>デイサービスふれあいの里ひろた</t>
    <rPh sb="11" eb="12">
      <t>サト</t>
    </rPh>
    <phoneticPr fontId="11"/>
  </si>
  <si>
    <t>グループホーム「ふる里の風」</t>
  </si>
  <si>
    <t>計</t>
    <rPh sb="0" eb="1">
      <t>ケイ</t>
    </rPh>
    <phoneticPr fontId="2"/>
  </si>
  <si>
    <t>076-483-4432</t>
  </si>
  <si>
    <t>豊田</t>
    <rPh sb="0" eb="2">
      <t>トヨタ</t>
    </rPh>
    <phoneticPr fontId="2"/>
  </si>
  <si>
    <t>富山市下野1784番地６</t>
  </si>
  <si>
    <t>076-464-6096</t>
  </si>
  <si>
    <t>認知症高齢者グループホーム　至宝館</t>
  </si>
  <si>
    <t>076-435-2051</t>
  </si>
  <si>
    <t>076-482-5970</t>
  </si>
  <si>
    <t>076-468-3001</t>
  </si>
  <si>
    <t>福祉コミュニティ呉羽あいの風</t>
    <rPh sb="0" eb="2">
      <t>フクシ</t>
    </rPh>
    <rPh sb="8" eb="10">
      <t>クレハ</t>
    </rPh>
    <rPh sb="13" eb="14">
      <t>カゼ</t>
    </rPh>
    <phoneticPr fontId="2"/>
  </si>
  <si>
    <t>076-468-1000</t>
  </si>
  <si>
    <t>デイサービスかっぱ庵</t>
  </si>
  <si>
    <t>076-464-6092</t>
  </si>
  <si>
    <t>樹楽　婦中</t>
    <rPh sb="3" eb="5">
      <t>フチュウ</t>
    </rPh>
    <phoneticPr fontId="11"/>
  </si>
  <si>
    <t>9300103</t>
  </si>
  <si>
    <t>076-461-7111</t>
  </si>
  <si>
    <t>076-483-4431</t>
  </si>
  <si>
    <t>老田</t>
    <rPh sb="0" eb="2">
      <t>オイダ</t>
    </rPh>
    <phoneticPr fontId="2"/>
  </si>
  <si>
    <t>デイサービスみんなの輪　高屋敷</t>
  </si>
  <si>
    <t>ヒューマンサポート　日和</t>
  </si>
  <si>
    <t>富山市飯野1番1号</t>
  </si>
  <si>
    <t>光風会みまもりステーション</t>
  </si>
  <si>
    <t>水橋東部</t>
    <rPh sb="0" eb="2">
      <t>ミズハシ</t>
    </rPh>
    <rPh sb="2" eb="4">
      <t>トウブ</t>
    </rPh>
    <phoneticPr fontId="12"/>
  </si>
  <si>
    <t>富山市中老田844番地1</t>
  </si>
  <si>
    <t>神明</t>
    <rPh sb="0" eb="2">
      <t>シンメイ</t>
    </rPh>
    <phoneticPr fontId="2"/>
  </si>
  <si>
    <t>富山市小原屋202番地</t>
    <rPh sb="0" eb="3">
      <t>トヤマシ</t>
    </rPh>
    <rPh sb="3" eb="5">
      <t>オハラ</t>
    </rPh>
    <rPh sb="5" eb="6">
      <t>ヤ</t>
    </rPh>
    <rPh sb="9" eb="11">
      <t>バンチ</t>
    </rPh>
    <phoneticPr fontId="2"/>
  </si>
  <si>
    <t>特別養護老人ホームみのり</t>
  </si>
  <si>
    <t>グループホーム 中川原の家</t>
    <rPh sb="8" eb="11">
      <t>ナカガワラ</t>
    </rPh>
    <rPh sb="12" eb="13">
      <t>イエ</t>
    </rPh>
    <phoneticPr fontId="12"/>
  </si>
  <si>
    <t>076-437-7522</t>
  </si>
  <si>
    <t>月岡デイサービスセンターやまゆり</t>
  </si>
  <si>
    <t>富山市野々上３４０番地</t>
    <rPh sb="0" eb="3">
      <t>トヤマシ</t>
    </rPh>
    <rPh sb="3" eb="6">
      <t>ノノウエ</t>
    </rPh>
    <rPh sb="9" eb="11">
      <t>バンチ</t>
    </rPh>
    <phoneticPr fontId="2"/>
  </si>
  <si>
    <t>堀川南光風苑</t>
  </si>
  <si>
    <t>大山</t>
    <rPh sb="0" eb="2">
      <t>オオヤマ</t>
    </rPh>
    <phoneticPr fontId="2"/>
  </si>
  <si>
    <t>堀川</t>
  </si>
  <si>
    <t>キッチンスタジオ１・２の３</t>
  </si>
  <si>
    <t>富山市下タ林１４１番地</t>
  </si>
  <si>
    <t>富山市小原屋202番地</t>
    <rPh sb="0" eb="3">
      <t>トヤマシ</t>
    </rPh>
    <rPh sb="3" eb="6">
      <t>オハラヤ</t>
    </rPh>
    <rPh sb="9" eb="11">
      <t>バンチ</t>
    </rPh>
    <phoneticPr fontId="2"/>
  </si>
  <si>
    <t>長岡</t>
  </si>
  <si>
    <t>デイサービスひより鵜坂</t>
  </si>
  <si>
    <t>076-452-2101</t>
  </si>
  <si>
    <r>
      <rPr>
        <sz val="11"/>
        <rFont val="ＭＳ Ｐゴシック"/>
        <family val="3"/>
        <charset val="128"/>
      </rPr>
      <t>076-437-7722</t>
    </r>
  </si>
  <si>
    <t>1690100993</t>
  </si>
  <si>
    <t>せせらぎの郷</t>
    <rPh sb="5" eb="6">
      <t>サト</t>
    </rPh>
    <phoneticPr fontId="2"/>
  </si>
  <si>
    <t>みずほサポートセンター</t>
  </si>
  <si>
    <t>三郷</t>
    <rPh sb="0" eb="2">
      <t>サンゴウ</t>
    </rPh>
    <phoneticPr fontId="12"/>
  </si>
  <si>
    <t>076-451-8060</t>
  </si>
  <si>
    <t>富山市水橋辻ケ堂535番地</t>
  </si>
  <si>
    <t>富山市つばめ野二丁目78番地</t>
    <rPh sb="0" eb="3">
      <t>トヤマシ</t>
    </rPh>
    <rPh sb="6" eb="7">
      <t>ノ</t>
    </rPh>
    <rPh sb="7" eb="10">
      <t>ニチョウメ</t>
    </rPh>
    <rPh sb="12" eb="14">
      <t>バンチ</t>
    </rPh>
    <phoneticPr fontId="11"/>
  </si>
  <si>
    <t>富山市水橋辻ケ堂842番地１</t>
  </si>
  <si>
    <t>076-478-0152</t>
  </si>
  <si>
    <t>9392708</t>
  </si>
  <si>
    <t>076-420-6007</t>
  </si>
  <si>
    <t>076-420-6006</t>
  </si>
  <si>
    <t>076-465-1219</t>
  </si>
  <si>
    <t>076-471-0861</t>
  </si>
  <si>
    <t>堀川南</t>
    <rPh sb="0" eb="2">
      <t>ホリカワ</t>
    </rPh>
    <rPh sb="2" eb="3">
      <t>ミナミ</t>
    </rPh>
    <phoneticPr fontId="2"/>
  </si>
  <si>
    <t>富山市堀川町３７５番地１</t>
  </si>
  <si>
    <t>076-471-6375</t>
  </si>
  <si>
    <t>076-461-7122</t>
  </si>
  <si>
    <t>076-465-7707</t>
  </si>
  <si>
    <t>五福</t>
    <rPh sb="0" eb="1">
      <t>ゴ</t>
    </rPh>
    <rPh sb="1" eb="2">
      <t>フク</t>
    </rPh>
    <phoneticPr fontId="12"/>
  </si>
  <si>
    <t>特別養護老人ホームあしたねの森</t>
  </si>
  <si>
    <t>076-428-3300</t>
  </si>
  <si>
    <t>富山市西田地方町２丁目10番11</t>
  </si>
  <si>
    <t>至宝館すまはぴ</t>
  </si>
  <si>
    <t>富山市中市二丁目８番４１号</t>
  </si>
  <si>
    <t>大沢野</t>
    <rPh sb="0" eb="3">
      <t>オオサワノ</t>
    </rPh>
    <phoneticPr fontId="2"/>
  </si>
  <si>
    <t>富山市下タ林２３７番地</t>
  </si>
  <si>
    <t>富山医療生活協同組合　看護小規模多機能型居宅介護　わたぼうし</t>
  </si>
  <si>
    <t>富山市奥田町８番２６号</t>
  </si>
  <si>
    <t>富山市婦中町下轡田1010番地</t>
    <rPh sb="0" eb="3">
      <t>トヤマシ</t>
    </rPh>
    <rPh sb="3" eb="6">
      <t>フチュウマチ</t>
    </rPh>
    <rPh sb="6" eb="7">
      <t>シモ</t>
    </rPh>
    <rPh sb="7" eb="9">
      <t>クツワダ</t>
    </rPh>
    <rPh sb="13" eb="15">
      <t>バンチ</t>
    </rPh>
    <phoneticPr fontId="12"/>
  </si>
  <si>
    <t>小規模特別養護老人ホームくれは陽光苑</t>
  </si>
  <si>
    <t>光陽</t>
    <rPh sb="0" eb="1">
      <t>ヒカリ</t>
    </rPh>
    <rPh sb="1" eb="2">
      <t>ヨウ</t>
    </rPh>
    <phoneticPr fontId="12"/>
  </si>
  <si>
    <t>地域密着型特別養護老人ホームささづ苑かすが</t>
  </si>
  <si>
    <t>9392226</t>
  </si>
  <si>
    <t>076-461-6663</t>
  </si>
  <si>
    <t>太田</t>
  </si>
  <si>
    <t>富山市水橋市田袋127番地</t>
    <rPh sb="0" eb="3">
      <t>トヤマシ</t>
    </rPh>
    <rPh sb="3" eb="5">
      <t>ミズハシ</t>
    </rPh>
    <rPh sb="5" eb="6">
      <t>イチ</t>
    </rPh>
    <rPh sb="6" eb="7">
      <t>タ</t>
    </rPh>
    <rPh sb="7" eb="8">
      <t>ブクロ</t>
    </rPh>
    <rPh sb="11" eb="13">
      <t>バンチ</t>
    </rPh>
    <phoneticPr fontId="12"/>
  </si>
  <si>
    <t>堀川南</t>
    <rPh sb="0" eb="2">
      <t>ホリカワ</t>
    </rPh>
    <rPh sb="2" eb="3">
      <t>ミナミ</t>
    </rPh>
    <phoneticPr fontId="12"/>
  </si>
  <si>
    <t>076-464-3383</t>
  </si>
  <si>
    <t>076-464-3133</t>
  </si>
  <si>
    <t>富山市本郷町２６２番地１５</t>
    <rPh sb="10" eb="11">
      <t>チ</t>
    </rPh>
    <phoneticPr fontId="2"/>
  </si>
  <si>
    <t>9300841</t>
  </si>
  <si>
    <t>富山市金山新東513番地</t>
    <rPh sb="0" eb="7">
      <t>トヤマシカナヤマシンヒガシ</t>
    </rPh>
    <rPh sb="10" eb="12">
      <t>バンチ</t>
    </rPh>
    <phoneticPr fontId="2"/>
  </si>
  <si>
    <t>9398035</t>
  </si>
  <si>
    <t>076-468-0001</t>
  </si>
  <si>
    <t>076-467-1000</t>
  </si>
  <si>
    <t>9398137</t>
  </si>
  <si>
    <t>認知症対応型デイサービス笑美寿</t>
  </si>
  <si>
    <t>地域密着型特別養護老人ホームささづ苑</t>
  </si>
  <si>
    <t>076-442-9008</t>
  </si>
  <si>
    <t>076-461-4568</t>
  </si>
  <si>
    <t>076-422-5970</t>
  </si>
  <si>
    <t>富山市四ツ葉町19番３号</t>
    <rPh sb="3" eb="4">
      <t>ヨ</t>
    </rPh>
    <rPh sb="5" eb="7">
      <t>バチョウ</t>
    </rPh>
    <rPh sb="9" eb="10">
      <t>バン</t>
    </rPh>
    <rPh sb="11" eb="12">
      <t>ゴウ</t>
    </rPh>
    <phoneticPr fontId="11"/>
  </si>
  <si>
    <t>076-407-1667</t>
  </si>
  <si>
    <t>076-442-9001</t>
  </si>
  <si>
    <t>認知症デイ　つばめ野</t>
    <rPh sb="0" eb="3">
      <t>ニンチショウ</t>
    </rPh>
    <rPh sb="9" eb="10">
      <t>ノ</t>
    </rPh>
    <phoneticPr fontId="13"/>
  </si>
  <si>
    <t>076-411-4155</t>
  </si>
  <si>
    <t>富山市針原中町３５５</t>
  </si>
  <si>
    <t>9392711</t>
  </si>
  <si>
    <t>グループホームいずみの家</t>
    <rPh sb="11" eb="12">
      <t>イエ</t>
    </rPh>
    <phoneticPr fontId="12"/>
  </si>
  <si>
    <t>新庄</t>
    <rPh sb="0" eb="2">
      <t>シンジョウ</t>
    </rPh>
    <phoneticPr fontId="2"/>
  </si>
  <si>
    <t>光陽</t>
    <rPh sb="0" eb="2">
      <t>コウヨウ</t>
    </rPh>
    <phoneticPr fontId="12"/>
  </si>
  <si>
    <t>富山市新庄町２丁目１５番３２号</t>
  </si>
  <si>
    <t>富山市水橋上桜木３８番地</t>
    <rPh sb="0" eb="3">
      <t>トヤマシ</t>
    </rPh>
    <rPh sb="3" eb="5">
      <t>ミズハシ</t>
    </rPh>
    <rPh sb="5" eb="6">
      <t>ウエ</t>
    </rPh>
    <rPh sb="6" eb="7">
      <t>サクラ</t>
    </rPh>
    <rPh sb="7" eb="8">
      <t>キ</t>
    </rPh>
    <rPh sb="10" eb="12">
      <t>バンチ</t>
    </rPh>
    <phoneticPr fontId="12"/>
  </si>
  <si>
    <t>076-461-3235</t>
  </si>
  <si>
    <r>
      <t>076-436-</t>
    </r>
    <r>
      <rPr>
        <sz val="11"/>
        <rFont val="ＭＳ Ｐゴシック"/>
        <family val="3"/>
        <charset val="128"/>
      </rPr>
      <t>2511</t>
    </r>
  </si>
  <si>
    <t>新庄北</t>
    <rPh sb="0" eb="2">
      <t>シンジョウ</t>
    </rPh>
    <rPh sb="2" eb="3">
      <t>キタ</t>
    </rPh>
    <phoneticPr fontId="11"/>
  </si>
  <si>
    <t>月岡</t>
  </si>
  <si>
    <t>特別養護老人ホームひかり苑</t>
  </si>
  <si>
    <t>9392741</t>
  </si>
  <si>
    <t>デイサービスセンター　つながり</t>
  </si>
  <si>
    <t>富山市城川原１丁目17－14</t>
  </si>
  <si>
    <t>太陽苑デイサービスセンター</t>
  </si>
  <si>
    <t>076-464-5230</t>
  </si>
  <si>
    <t>西田地方</t>
    <rPh sb="0" eb="2">
      <t>ニシダ</t>
    </rPh>
    <rPh sb="2" eb="4">
      <t>チホウ</t>
    </rPh>
    <phoneticPr fontId="2"/>
  </si>
  <si>
    <t>076-478-0151</t>
  </si>
  <si>
    <t>076-433-4002</t>
  </si>
  <si>
    <t>076-466-6860</t>
  </si>
  <si>
    <t>西田地方</t>
  </si>
  <si>
    <t>076-432-1574</t>
  </si>
  <si>
    <t>076-451-8061</t>
  </si>
  <si>
    <t>水橋西部</t>
    <rPh sb="0" eb="2">
      <t>ミズハシ</t>
    </rPh>
    <rPh sb="2" eb="4">
      <t>セイブ</t>
    </rPh>
    <phoneticPr fontId="2"/>
  </si>
  <si>
    <t>076-483-9551</t>
  </si>
  <si>
    <t>小規模多機能ホームくれはの郷</t>
    <rPh sb="0" eb="3">
      <t>ショウキボ</t>
    </rPh>
    <rPh sb="3" eb="6">
      <t>タキノウ</t>
    </rPh>
    <rPh sb="13" eb="14">
      <t>サト</t>
    </rPh>
    <phoneticPr fontId="2"/>
  </si>
  <si>
    <t>サテライト特養　せいふう</t>
  </si>
  <si>
    <r>
      <t>076-428-</t>
    </r>
    <r>
      <rPr>
        <sz val="11"/>
        <rFont val="ＭＳ Ｐゴシック"/>
        <family val="3"/>
        <charset val="128"/>
      </rPr>
      <t>3339</t>
    </r>
  </si>
  <si>
    <t>富山市二俣327番地４</t>
  </si>
  <si>
    <t>富山市開発223</t>
  </si>
  <si>
    <t>9300921</t>
  </si>
  <si>
    <t>076-482-4374</t>
  </si>
  <si>
    <t>076-432-6770</t>
  </si>
  <si>
    <t>蜷川</t>
    <rPh sb="0" eb="2">
      <t>ニナガワ</t>
    </rPh>
    <phoneticPr fontId="2"/>
  </si>
  <si>
    <t>富山市金山新東１３番地３</t>
    <rPh sb="0" eb="3">
      <t>トヤマシ</t>
    </rPh>
    <rPh sb="3" eb="6">
      <t>カナヤマシン</t>
    </rPh>
    <rPh sb="6" eb="7">
      <t>ヒガシ</t>
    </rPh>
    <rPh sb="9" eb="11">
      <t>バンチ</t>
    </rPh>
    <phoneticPr fontId="11"/>
  </si>
  <si>
    <t>ユニットケア　にながわ</t>
  </si>
  <si>
    <t>広田</t>
    <rPh sb="0" eb="2">
      <t>ヒロタ</t>
    </rPh>
    <phoneticPr fontId="2"/>
  </si>
  <si>
    <t>9392302</t>
  </si>
  <si>
    <t>特別養護老人ホームなごみ</t>
  </si>
  <si>
    <t>076-428-1810</t>
  </si>
  <si>
    <t>076-424-9022</t>
  </si>
  <si>
    <t>076-411-8133</t>
  </si>
  <si>
    <t>熊野</t>
    <rPh sb="0" eb="2">
      <t>クマノ</t>
    </rPh>
    <phoneticPr fontId="2"/>
  </si>
  <si>
    <t>デイサービス笑美寿北</t>
  </si>
  <si>
    <t>富山市南金屋111番地</t>
  </si>
  <si>
    <t>くまの光風苑</t>
  </si>
  <si>
    <t>事業所番号</t>
  </si>
  <si>
    <t>指定日</t>
  </si>
  <si>
    <t>ケアサービスみどり</t>
  </si>
  <si>
    <t>富山市上野1070番地</t>
  </si>
  <si>
    <t>076-428-3022</t>
  </si>
  <si>
    <t>富山市婦中町島本郷１０番地１０</t>
  </si>
  <si>
    <t>FAX番号</t>
  </si>
  <si>
    <t>富山市高畠町一丁目10番17号</t>
  </si>
  <si>
    <t>電話番号</t>
  </si>
  <si>
    <t>076-461-7645</t>
  </si>
  <si>
    <t>076-420-5860</t>
  </si>
  <si>
    <t>校区・地域</t>
    <rPh sb="0" eb="2">
      <t>コウク</t>
    </rPh>
    <rPh sb="3" eb="5">
      <t>チイキ</t>
    </rPh>
    <phoneticPr fontId="2"/>
  </si>
  <si>
    <t>長岡</t>
    <rPh sb="0" eb="2">
      <t>ナガオカ</t>
    </rPh>
    <phoneticPr fontId="12"/>
  </si>
  <si>
    <t>所在地</t>
  </si>
  <si>
    <t>事業所郵便番号</t>
  </si>
  <si>
    <t>グループホームコスモスの里</t>
  </si>
  <si>
    <t>076-481-6464</t>
  </si>
  <si>
    <t>ナーシングデイサービスこもれび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2"/>
  </si>
  <si>
    <t>富山市有沢795番地1</t>
    <rPh sb="3" eb="5">
      <t>アリサワ</t>
    </rPh>
    <rPh sb="8" eb="10">
      <t>バンチ</t>
    </rPh>
    <phoneticPr fontId="11"/>
  </si>
  <si>
    <t>事業所名称</t>
  </si>
  <si>
    <t>076-464-5239</t>
  </si>
  <si>
    <t>○</t>
  </si>
  <si>
    <t>藤ノ木</t>
    <rPh sb="0" eb="1">
      <t>フジ</t>
    </rPh>
    <rPh sb="2" eb="3">
      <t>キ</t>
    </rPh>
    <phoneticPr fontId="2"/>
  </si>
  <si>
    <t>076-455-8578</t>
  </si>
  <si>
    <t>076-451-7448</t>
  </si>
  <si>
    <t>富山市大島二丁目596番地19</t>
  </si>
  <si>
    <t>076-464-5611</t>
  </si>
  <si>
    <t>デイサービスあんじゅ</t>
  </si>
  <si>
    <t>076-461-4721</t>
  </si>
  <si>
    <t>富山市長江新町三丁目９番１８号</t>
    <rPh sb="5" eb="7">
      <t>シンマチ</t>
    </rPh>
    <rPh sb="7" eb="8">
      <t>３</t>
    </rPh>
    <phoneticPr fontId="11"/>
  </si>
  <si>
    <t>富山市大江干34番地１</t>
  </si>
  <si>
    <t>076-455-2598</t>
  </si>
  <si>
    <t>076-495-3357</t>
  </si>
  <si>
    <t>076-427-0770</t>
  </si>
  <si>
    <t>富山市大宮町24</t>
  </si>
  <si>
    <t>076-455-2597</t>
  </si>
  <si>
    <t>富山型デイサービスくわの里</t>
  </si>
  <si>
    <t>076-471-6908</t>
  </si>
  <si>
    <t>076-424-0898</t>
  </si>
  <si>
    <t>多機能おおくぼの森</t>
    <rPh sb="0" eb="3">
      <t>タキノウ</t>
    </rPh>
    <rPh sb="8" eb="9">
      <t>モリ</t>
    </rPh>
    <phoneticPr fontId="2"/>
  </si>
  <si>
    <t>八尾</t>
    <rPh sb="0" eb="2">
      <t>ヤツオ</t>
    </rPh>
    <phoneticPr fontId="2"/>
  </si>
  <si>
    <t>デイサービスふわり</t>
  </si>
  <si>
    <t>076-465-1218</t>
  </si>
  <si>
    <t>富山市堀川町８番地</t>
  </si>
  <si>
    <t>婦中</t>
    <rPh sb="0" eb="2">
      <t>フチュウ</t>
    </rPh>
    <phoneticPr fontId="2"/>
  </si>
  <si>
    <t>富山市婦中町中名９０３－３３</t>
  </si>
  <si>
    <t>富山県富山市西四十物町３番１８号</t>
  </si>
  <si>
    <t>9398005</t>
  </si>
  <si>
    <t>デイサービスセンターゆいゆい</t>
  </si>
  <si>
    <t>富山市千石町二丁目８番２号</t>
  </si>
  <si>
    <t>076-432-2005</t>
  </si>
  <si>
    <t>萩浦</t>
    <rPh sb="0" eb="1">
      <t>ハギ</t>
    </rPh>
    <rPh sb="1" eb="2">
      <t>ウラ</t>
    </rPh>
    <phoneticPr fontId="2"/>
  </si>
  <si>
    <t>月岡</t>
    <rPh sb="0" eb="2">
      <t>ツキオカ</t>
    </rPh>
    <phoneticPr fontId="12"/>
  </si>
  <si>
    <t>076-471-5002</t>
  </si>
  <si>
    <t>076-494-3151</t>
  </si>
  <si>
    <t>奥田</t>
  </si>
  <si>
    <t>076-471-6016</t>
  </si>
  <si>
    <t>076-464-3002</t>
  </si>
  <si>
    <t>9300115</t>
  </si>
  <si>
    <t>076-461-3497</t>
  </si>
  <si>
    <t>茶話本舗デイサービス新屋</t>
  </si>
  <si>
    <t>076-451-5251</t>
  </si>
  <si>
    <t>富山市曙町２番２３号</t>
  </si>
  <si>
    <t>水橋西部</t>
  </si>
  <si>
    <t>デイサービス花みずき弐番館</t>
  </si>
  <si>
    <t>076-461-7149</t>
  </si>
  <si>
    <t>076-423-1766</t>
  </si>
  <si>
    <t>リハビリ＆フィットネス　寿リハ婦中</t>
    <rPh sb="12" eb="13">
      <t>ジュ</t>
    </rPh>
    <rPh sb="15" eb="17">
      <t>フチュウ</t>
    </rPh>
    <phoneticPr fontId="11"/>
  </si>
  <si>
    <t>076-407-1567</t>
  </si>
  <si>
    <t>076-478-0129</t>
  </si>
  <si>
    <t>富山市長柄町三丁目６番地６</t>
  </si>
  <si>
    <t>予防サービス</t>
    <rPh sb="0" eb="2">
      <t>ヨボウ</t>
    </rPh>
    <phoneticPr fontId="2"/>
  </si>
  <si>
    <t>9300076</t>
  </si>
  <si>
    <t>藤ノ木</t>
  </si>
  <si>
    <t>ありがとうホーム西田地方</t>
  </si>
  <si>
    <t>МＡＸ２１</t>
  </si>
  <si>
    <t>富山市婦中町蛍川９５番地２９</t>
  </si>
  <si>
    <t>076-471-0860</t>
  </si>
  <si>
    <t>デイサービス川の音</t>
  </si>
  <si>
    <t>四方</t>
    <rPh sb="0" eb="2">
      <t>ヨモ</t>
    </rPh>
    <phoneticPr fontId="2"/>
  </si>
  <si>
    <t>076-435-2050</t>
  </si>
  <si>
    <t>076-464-9717</t>
  </si>
  <si>
    <t>9398146</t>
  </si>
  <si>
    <t>076-464-9716</t>
  </si>
  <si>
    <t>―</t>
  </si>
  <si>
    <t>076-436-2106</t>
  </si>
  <si>
    <t>富山市向新庄町一丁目5番30号</t>
  </si>
  <si>
    <t>蜷川</t>
  </si>
  <si>
    <t>大山</t>
  </si>
  <si>
    <t>デイサービスAPサロン</t>
  </si>
  <si>
    <t>あさひホーム吉作</t>
    <rPh sb="6" eb="7">
      <t>キチ</t>
    </rPh>
    <rPh sb="7" eb="8">
      <t>ツク</t>
    </rPh>
    <phoneticPr fontId="12"/>
  </si>
  <si>
    <t>076-461-6271</t>
  </si>
  <si>
    <t>デイサービスありがた家</t>
  </si>
  <si>
    <t>富山市開発２４６</t>
    <rPh sb="0" eb="3">
      <t>トヤマシ</t>
    </rPh>
    <rPh sb="3" eb="5">
      <t>カイハツ</t>
    </rPh>
    <phoneticPr fontId="12"/>
  </si>
  <si>
    <t>076-456-8625</t>
  </si>
  <si>
    <t>076-461-8066</t>
  </si>
  <si>
    <t>富山市町村６９番地１</t>
  </si>
  <si>
    <t>076-424-6601</t>
  </si>
  <si>
    <t>076-451-1600</t>
  </si>
  <si>
    <t>9300952</t>
  </si>
  <si>
    <t>076-434-3868</t>
  </si>
  <si>
    <t>076-429-6749</t>
  </si>
  <si>
    <t>076-471-7841</t>
  </si>
  <si>
    <t>熊野</t>
  </si>
  <si>
    <t>076-482-4252</t>
  </si>
  <si>
    <t>デイサービスふくふく</t>
  </si>
  <si>
    <t>076-492-3833</t>
  </si>
  <si>
    <t>076-482-4232</t>
  </si>
  <si>
    <t>富山市横内581</t>
  </si>
  <si>
    <t>076-481-6521</t>
  </si>
  <si>
    <t>9300008</t>
  </si>
  <si>
    <t>076-481-6520</t>
  </si>
  <si>
    <t>大広田</t>
    <rPh sb="0" eb="3">
      <t>オオヒロタ</t>
    </rPh>
    <phoneticPr fontId="12"/>
  </si>
  <si>
    <t>076-471-8605</t>
  </si>
  <si>
    <t>076-434-8067</t>
  </si>
  <si>
    <t>076-471-7108</t>
  </si>
  <si>
    <t>076-407-5515</t>
  </si>
  <si>
    <t>富山市婦中町笹倉１区１３３番地１</t>
  </si>
  <si>
    <t>076-482-4402</t>
  </si>
  <si>
    <t>富山市中布目１６３番地</t>
    <rPh sb="0" eb="3">
      <t>トヤマシ</t>
    </rPh>
    <rPh sb="3" eb="4">
      <t>ナカ</t>
    </rPh>
    <rPh sb="4" eb="6">
      <t>ヌノメ</t>
    </rPh>
    <rPh sb="9" eb="11">
      <t>バンチ</t>
    </rPh>
    <phoneticPr fontId="12"/>
  </si>
  <si>
    <t>ケアサポート・まき　速星</t>
  </si>
  <si>
    <t>堀川</t>
    <rPh sb="0" eb="2">
      <t>ホリカワ</t>
    </rPh>
    <phoneticPr fontId="12"/>
  </si>
  <si>
    <t>婦中</t>
    <rPh sb="0" eb="2">
      <t>フチュウ</t>
    </rPh>
    <phoneticPr fontId="12"/>
  </si>
  <si>
    <t>看護小規模多機能型居宅介護事業所おきな</t>
    <rPh sb="0" eb="2">
      <t>カンゴ</t>
    </rPh>
    <rPh sb="2" eb="5">
      <t>ショウキボ</t>
    </rPh>
    <rPh sb="5" eb="9">
      <t>タキノウガタ</t>
    </rPh>
    <rPh sb="9" eb="11">
      <t>キョタク</t>
    </rPh>
    <rPh sb="11" eb="13">
      <t>カイゴ</t>
    </rPh>
    <rPh sb="13" eb="15">
      <t>ジギョウ</t>
    </rPh>
    <rPh sb="15" eb="16">
      <t>ショ</t>
    </rPh>
    <phoneticPr fontId="2"/>
  </si>
  <si>
    <t>076-461-7685</t>
  </si>
  <si>
    <t>富山市月岡町４丁目１７１番地１</t>
  </si>
  <si>
    <t>076-464-3730</t>
  </si>
  <si>
    <t>1690101116</t>
  </si>
  <si>
    <t>富山市婦中町上吉川１３２番地１</t>
  </si>
  <si>
    <t>076-464-3735</t>
  </si>
  <si>
    <t>富山市下堀５１番地１</t>
  </si>
  <si>
    <t>1690101033
（1670114238）</t>
  </si>
  <si>
    <t>デイサービスまめの木</t>
  </si>
  <si>
    <t>デイサービスふうりん</t>
  </si>
  <si>
    <t>まっする工房</t>
    <rPh sb="4" eb="6">
      <t>コウボウ</t>
    </rPh>
    <phoneticPr fontId="11"/>
  </si>
  <si>
    <t>076-431-0486</t>
  </si>
  <si>
    <t>富山市西宮町７番６３号</t>
  </si>
  <si>
    <t>山室</t>
    <rPh sb="0" eb="2">
      <t>ヤマムロ</t>
    </rPh>
    <phoneticPr fontId="2"/>
  </si>
  <si>
    <t>076-461-4521</t>
  </si>
  <si>
    <t>富山市小西１７０</t>
  </si>
  <si>
    <t>076-425-3234</t>
  </si>
  <si>
    <t>076-425-2234</t>
  </si>
  <si>
    <t>ちゅらさんデイサービスセンター</t>
  </si>
  <si>
    <t>076-481-6123</t>
  </si>
  <si>
    <t>宿泊定員</t>
    <rPh sb="0" eb="2">
      <t>シュクハク</t>
    </rPh>
    <rPh sb="2" eb="4">
      <t>テイイン</t>
    </rPh>
    <phoneticPr fontId="2"/>
  </si>
  <si>
    <t>9300010</t>
  </si>
  <si>
    <t>076-482-3092</t>
  </si>
  <si>
    <t>フィットデイ筋たろう</t>
    <rPh sb="6" eb="7">
      <t>キン</t>
    </rPh>
    <phoneticPr fontId="11"/>
  </si>
  <si>
    <t>076-482-3091</t>
  </si>
  <si>
    <t>076-465-1033</t>
  </si>
  <si>
    <t>富山市八尾町杉田744番地１</t>
  </si>
  <si>
    <t>076-465-1003</t>
  </si>
  <si>
    <t>076-441-5234</t>
  </si>
  <si>
    <t>076-441-4234</t>
  </si>
  <si>
    <t>婦中</t>
  </si>
  <si>
    <t>9300818</t>
  </si>
  <si>
    <t>9300916</t>
  </si>
  <si>
    <t>9300875</t>
  </si>
  <si>
    <t>076-461-0012</t>
  </si>
  <si>
    <t>9300814</t>
  </si>
  <si>
    <t>オークス　リハプライド下冨居</t>
  </si>
  <si>
    <t>9300163</t>
  </si>
  <si>
    <t>デイサービスとちたに</t>
  </si>
  <si>
    <t>富山市上大久保1581番地1</t>
  </si>
  <si>
    <t>076-429-6665</t>
  </si>
  <si>
    <t>076-461-3321</t>
  </si>
  <si>
    <t>富山市館出町二丁目１番２号</t>
  </si>
  <si>
    <t>9300014</t>
  </si>
  <si>
    <t>グループホーム水橋の家</t>
    <rPh sb="7" eb="9">
      <t>ミズハシ</t>
    </rPh>
    <rPh sb="10" eb="11">
      <t>イエ</t>
    </rPh>
    <phoneticPr fontId="12"/>
  </si>
  <si>
    <t>小規模多機能型居宅介護笑美寿</t>
  </si>
  <si>
    <t>9398006</t>
  </si>
  <si>
    <t>ビルトアップ</t>
  </si>
  <si>
    <t>針原</t>
  </si>
  <si>
    <t>1690101108</t>
  </si>
  <si>
    <t>076-471-6015</t>
  </si>
  <si>
    <t>奥田北</t>
    <rPh sb="0" eb="2">
      <t>オクダ</t>
    </rPh>
    <rPh sb="2" eb="3">
      <t>キタ</t>
    </rPh>
    <phoneticPr fontId="2"/>
  </si>
  <si>
    <t>誠や　デイサービス</t>
  </si>
  <si>
    <t>富山市粟島町一丁目６番１１号</t>
  </si>
  <si>
    <t>富山市下冨居一丁目１０番３５号</t>
  </si>
  <si>
    <t>小規模多機能型居宅介護　あさひ</t>
  </si>
  <si>
    <t>入浴特化型　デイサービス　ほっと・湯～</t>
  </si>
  <si>
    <t>076-482-2212</t>
  </si>
  <si>
    <t>ぐるーぷほーむ楽笑</t>
  </si>
  <si>
    <t>076-422-7556</t>
  </si>
  <si>
    <t>076-424-3104</t>
  </si>
  <si>
    <t>富山市曙町２番23号</t>
  </si>
  <si>
    <t>076-424-3103</t>
  </si>
  <si>
    <t>富山市上滝８８番地７</t>
  </si>
  <si>
    <t>荻浦</t>
    <rPh sb="0" eb="2">
      <t>ハギウラ</t>
    </rPh>
    <phoneticPr fontId="11"/>
  </si>
  <si>
    <t>富山市堀川町465番地１</t>
  </si>
  <si>
    <t>076-451-5573</t>
  </si>
  <si>
    <t>9398091</t>
  </si>
  <si>
    <t>グループホームコスモスの里中間島</t>
    <rPh sb="12" eb="13">
      <t>サト</t>
    </rPh>
    <rPh sb="13" eb="16">
      <t>チュウゲンジマ</t>
    </rPh>
    <phoneticPr fontId="12"/>
  </si>
  <si>
    <t>076-468-2006</t>
  </si>
  <si>
    <t>076-493-4255</t>
  </si>
  <si>
    <t>デイケアセンター Ｂ３－ｃａｒｅ</t>
  </si>
  <si>
    <t>デイサービス　みんなの輪　おおみや</t>
  </si>
  <si>
    <t>076-420-1204</t>
  </si>
  <si>
    <t>076-428-2336</t>
  </si>
  <si>
    <t>076-493-3811</t>
  </si>
  <si>
    <t>076-428-2335</t>
  </si>
  <si>
    <t>富山市布市650番3</t>
  </si>
  <si>
    <t>ケアコミュニティ　にながわ</t>
  </si>
  <si>
    <t>富山市稲荷元町二丁目６番１５号　開草ビル１Ｆ</t>
  </si>
  <si>
    <t>富山市粟島町二丁目2番1号</t>
  </si>
  <si>
    <t>東部</t>
    <rPh sb="0" eb="2">
      <t>トウブ</t>
    </rPh>
    <phoneticPr fontId="2"/>
  </si>
  <si>
    <t>富山市山室293番地5</t>
  </si>
  <si>
    <t>デイサービス　ラ・サンテ</t>
  </si>
  <si>
    <t>076-434-6617</t>
  </si>
  <si>
    <t>富山市海岸通1番地34</t>
  </si>
  <si>
    <t>076-461-5557</t>
  </si>
  <si>
    <t>076-425-0212</t>
  </si>
  <si>
    <t>富山市田畑852番地3</t>
    <rPh sb="0" eb="3">
      <t>トヤマシ</t>
    </rPh>
    <rPh sb="3" eb="5">
      <t>タハタ</t>
    </rPh>
    <rPh sb="8" eb="10">
      <t>バンチ</t>
    </rPh>
    <phoneticPr fontId="2"/>
  </si>
  <si>
    <t>076-405-1512</t>
  </si>
  <si>
    <t>076-434-6616</t>
  </si>
  <si>
    <t>076-460-2216</t>
  </si>
  <si>
    <t>なかまちの家</t>
  </si>
  <si>
    <t>呉羽</t>
    <rPh sb="0" eb="2">
      <t>クレハ</t>
    </rPh>
    <phoneticPr fontId="2"/>
  </si>
  <si>
    <t>076-461-6661</t>
  </si>
  <si>
    <t>076-431-0466</t>
  </si>
  <si>
    <t>富山市婦中町上吉川１３２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2"/>
  </si>
  <si>
    <t>デイサービス有沢誠</t>
  </si>
  <si>
    <t>富山市太田145番地1</t>
  </si>
  <si>
    <t>9398048</t>
  </si>
  <si>
    <t>デイサービスセンターそくさい家</t>
  </si>
  <si>
    <t>1690100860
（1670113792）</t>
  </si>
  <si>
    <t>076-437-7455</t>
  </si>
  <si>
    <t>076-461-6627</t>
  </si>
  <si>
    <t>076-423-8380</t>
  </si>
  <si>
    <t>新庄</t>
  </si>
  <si>
    <t>西田地方</t>
    <rPh sb="0" eb="1">
      <t>ニシ</t>
    </rPh>
    <rPh sb="1" eb="2">
      <t>タ</t>
    </rPh>
    <rPh sb="2" eb="4">
      <t>チホウ</t>
    </rPh>
    <phoneticPr fontId="11"/>
  </si>
  <si>
    <t>富山市綾田町１－１０－１８</t>
  </si>
  <si>
    <t>076-464-3353</t>
  </si>
  <si>
    <t>グループホーム　にながわ</t>
  </si>
  <si>
    <t>076-461-6628</t>
  </si>
  <si>
    <t>9300845</t>
  </si>
  <si>
    <t>9318431</t>
  </si>
  <si>
    <t>デイケアハウスにぎやか</t>
  </si>
  <si>
    <t>076-492-4114</t>
  </si>
  <si>
    <t>076-483-9550</t>
  </si>
  <si>
    <t>9301312</t>
  </si>
  <si>
    <t>デイサービスセンターおらとこ</t>
  </si>
  <si>
    <t>山室中部</t>
    <rPh sb="0" eb="2">
      <t>ヤマムロ</t>
    </rPh>
    <rPh sb="2" eb="4">
      <t>チュウブ</t>
    </rPh>
    <phoneticPr fontId="12"/>
  </si>
  <si>
    <t>076-467-0753</t>
  </si>
  <si>
    <t>富山市婦中町分田６２</t>
    <rPh sb="0" eb="3">
      <t>トヤマシ</t>
    </rPh>
    <rPh sb="3" eb="8">
      <t>フチュウマチブンデン</t>
    </rPh>
    <phoneticPr fontId="11"/>
  </si>
  <si>
    <t>076-468-3908</t>
  </si>
  <si>
    <t>婦中</t>
    <rPh sb="0" eb="2">
      <t>フチュウ</t>
    </rPh>
    <phoneticPr fontId="11"/>
  </si>
  <si>
    <t>076-427-0771</t>
  </si>
  <si>
    <t>富山市新村87-2</t>
  </si>
  <si>
    <t>076-492-4130</t>
  </si>
  <si>
    <t>ケアサポート・まき北代</t>
    <rPh sb="9" eb="10">
      <t>キタ</t>
    </rPh>
    <rPh sb="10" eb="11">
      <t>ダイ</t>
    </rPh>
    <phoneticPr fontId="11"/>
  </si>
  <si>
    <t>9392201</t>
  </si>
  <si>
    <t>076-451-8125</t>
  </si>
  <si>
    <t>樹楽向新庄</t>
  </si>
  <si>
    <t>076-482-3402</t>
  </si>
  <si>
    <t>グループホームこのゆびとーまれ茶屋</t>
    <rPh sb="15" eb="17">
      <t>チャヤ</t>
    </rPh>
    <phoneticPr fontId="12"/>
  </si>
  <si>
    <t>076-432-6771</t>
  </si>
  <si>
    <t>デイサービス＆フィットネスＲＥ－ＳＨ</t>
  </si>
  <si>
    <t>076-464-6756</t>
  </si>
  <si>
    <t>076-464-3003</t>
  </si>
  <si>
    <t>9398096</t>
  </si>
  <si>
    <t>076-464-6758</t>
  </si>
  <si>
    <t>リハビリデイサービスりおん</t>
  </si>
  <si>
    <t>岩瀬</t>
    <rPh sb="0" eb="2">
      <t>イワセ</t>
    </rPh>
    <phoneticPr fontId="11"/>
  </si>
  <si>
    <t>とやま生協ゆとり～な</t>
    <rPh sb="3" eb="5">
      <t>セイキョウ</t>
    </rPh>
    <phoneticPr fontId="11"/>
  </si>
  <si>
    <t>富山市新屋６番地２</t>
  </si>
  <si>
    <t>076-429-0256</t>
  </si>
  <si>
    <t>9300822</t>
  </si>
  <si>
    <t>9301336</t>
  </si>
  <si>
    <t>富山市中滝313番地７</t>
  </si>
  <si>
    <t>050-3433-5730</t>
  </si>
  <si>
    <t>076-461-5482</t>
  </si>
  <si>
    <t>050-3433-5720</t>
  </si>
  <si>
    <t>富山市婦中町外輪野１５１番地</t>
  </si>
  <si>
    <t>9392632</t>
  </si>
  <si>
    <t>076-464-3365</t>
  </si>
  <si>
    <t>でいさーびすさいさい</t>
  </si>
  <si>
    <t>富山市寺町けや木台71番地</t>
  </si>
  <si>
    <t>076-464-3364</t>
  </si>
  <si>
    <t>076-483-8581</t>
  </si>
  <si>
    <t>076-426-1078</t>
  </si>
  <si>
    <t>富山市八尾町黒田１２４４番地</t>
  </si>
  <si>
    <t>076-426-1077</t>
  </si>
  <si>
    <t>076-471-7973</t>
  </si>
  <si>
    <t>大広田</t>
    <rPh sb="0" eb="3">
      <t>オオヒロタ</t>
    </rPh>
    <phoneticPr fontId="2"/>
  </si>
  <si>
    <t>機能訓練型デイサービスよっこいしょ</t>
  </si>
  <si>
    <t>9318405</t>
  </si>
  <si>
    <t>富山市中川原３８４番地</t>
  </si>
  <si>
    <t>076-482-3401</t>
  </si>
  <si>
    <t>芝園</t>
    <rPh sb="0" eb="2">
      <t>シバゾノ</t>
    </rPh>
    <phoneticPr fontId="11"/>
  </si>
  <si>
    <t>富山市針原中町415番地１</t>
  </si>
  <si>
    <t>愛宕</t>
  </si>
  <si>
    <t>富山市中川原１０５番地４</t>
  </si>
  <si>
    <t>076-423-0038</t>
  </si>
  <si>
    <t>堀川南</t>
    <rPh sb="0" eb="2">
      <t>ホリカワ</t>
    </rPh>
    <rPh sb="2" eb="3">
      <t>ミナミ</t>
    </rPh>
    <phoneticPr fontId="11"/>
  </si>
  <si>
    <t>アルペンデイサービス</t>
  </si>
  <si>
    <t>富山市神通本町一丁目5番13号横江ビル１階１０１号室</t>
  </si>
  <si>
    <t>郵便番号</t>
  </si>
  <si>
    <t>076-471-6648</t>
  </si>
  <si>
    <t>076-425-1165</t>
  </si>
  <si>
    <t>076-471-8007</t>
  </si>
  <si>
    <t>076-494-8280</t>
  </si>
  <si>
    <t>076-471-8006</t>
  </si>
  <si>
    <t>堀川南</t>
  </si>
  <si>
    <t>奥田</t>
    <rPh sb="0" eb="2">
      <t>オクダ</t>
    </rPh>
    <phoneticPr fontId="2"/>
  </si>
  <si>
    <t>孫の手デイサービス</t>
  </si>
  <si>
    <t>針原</t>
    <rPh sb="0" eb="2">
      <t>ハリハラ</t>
    </rPh>
    <phoneticPr fontId="2"/>
  </si>
  <si>
    <t>富山市館出町二丁目４番４号</t>
  </si>
  <si>
    <t>デイサービス森さんぽ</t>
  </si>
  <si>
    <t>076-461-5481</t>
  </si>
  <si>
    <t>076-494-8281</t>
  </si>
  <si>
    <t>リハビリ倶楽部</t>
  </si>
  <si>
    <t>076-465-2124</t>
  </si>
  <si>
    <t>076-436-2002</t>
  </si>
  <si>
    <t>076-471-7972</t>
  </si>
  <si>
    <t>デイサービス・カルム</t>
  </si>
  <si>
    <t>富山市婦中町速星593番地</t>
  </si>
  <si>
    <t>なごなるの家</t>
  </si>
  <si>
    <t>山室</t>
    <rPh sb="0" eb="2">
      <t>ヤマムロ</t>
    </rPh>
    <phoneticPr fontId="11"/>
  </si>
  <si>
    <t>9392706</t>
  </si>
  <si>
    <t>9398015</t>
  </si>
  <si>
    <t>デイサービスきりん</t>
  </si>
  <si>
    <t>076-461-5558</t>
  </si>
  <si>
    <t>八尾</t>
  </si>
  <si>
    <t>9392304</t>
  </si>
  <si>
    <t>とやま生協デイサービスセンターまるーな</t>
    <rPh sb="3" eb="5">
      <t>セイキョウ</t>
    </rPh>
    <phoneticPr fontId="11"/>
  </si>
  <si>
    <t>富山市茶屋町４４１番地３</t>
    <rPh sb="0" eb="3">
      <t>トヤマシ</t>
    </rPh>
    <rPh sb="3" eb="6">
      <t>チャヤマチ</t>
    </rPh>
    <rPh sb="9" eb="11">
      <t>バンチ</t>
    </rPh>
    <phoneticPr fontId="12"/>
  </si>
  <si>
    <t>ディサービス地球の子</t>
  </si>
  <si>
    <t>萩浦</t>
  </si>
  <si>
    <t>076-442-6677</t>
  </si>
  <si>
    <t>076-478-0371</t>
  </si>
  <si>
    <t>富山市桜谷みどり町一丁目３３番地</t>
  </si>
  <si>
    <t>076-422-2341</t>
  </si>
  <si>
    <t>076-411-6645</t>
  </si>
  <si>
    <t>介護サービス</t>
    <rPh sb="0" eb="2">
      <t>カイゴ</t>
    </rPh>
    <phoneticPr fontId="2"/>
  </si>
  <si>
    <t>9300898</t>
  </si>
  <si>
    <t>076-482-6686</t>
  </si>
  <si>
    <t>あさひホーム</t>
  </si>
  <si>
    <t>076-471-5402</t>
  </si>
  <si>
    <t>富山市上袋１００番地６８</t>
    <rPh sb="0" eb="3">
      <t>トヤマシ</t>
    </rPh>
    <rPh sb="3" eb="5">
      <t>カミブクロ</t>
    </rPh>
    <rPh sb="8" eb="10">
      <t>バンチ</t>
    </rPh>
    <phoneticPr fontId="11"/>
  </si>
  <si>
    <t>9318335</t>
  </si>
  <si>
    <t>076-411-5112</t>
  </si>
  <si>
    <t>奥田</t>
    <rPh sb="0" eb="2">
      <t>オクダ</t>
    </rPh>
    <phoneticPr fontId="11"/>
  </si>
  <si>
    <t>076-471-5223</t>
  </si>
  <si>
    <t>076-478-0128</t>
  </si>
  <si>
    <t>富山市蓮町二丁目９番８号</t>
  </si>
  <si>
    <t>9318333</t>
  </si>
  <si>
    <t>とやま型デイサービス大きな手小さな手</t>
  </si>
  <si>
    <t>076-483-8580</t>
  </si>
  <si>
    <t>富山市桑原６２番地</t>
  </si>
  <si>
    <t>076-437-5056</t>
  </si>
  <si>
    <t>076-438-5686</t>
  </si>
  <si>
    <t>デイサービスこのゆびとーまれ茶屋</t>
  </si>
  <si>
    <t>9392376</t>
  </si>
  <si>
    <t>富山市岩瀬天神町２２１番地</t>
  </si>
  <si>
    <t>富山市婦中町道場815番地</t>
    <rPh sb="0" eb="6">
      <t>トヤマシフチュウマチ</t>
    </rPh>
    <rPh sb="6" eb="8">
      <t>ドウジョウ</t>
    </rPh>
    <rPh sb="11" eb="13">
      <t>バンチ</t>
    </rPh>
    <phoneticPr fontId="11"/>
  </si>
  <si>
    <t>9318377</t>
  </si>
  <si>
    <t>076-461-5260</t>
  </si>
  <si>
    <t>グループホームきぼう</t>
  </si>
  <si>
    <t>山室</t>
  </si>
  <si>
    <t>デイサービスゆずり葉</t>
  </si>
  <si>
    <t>076-465-2186</t>
  </si>
  <si>
    <t>076-411-6886</t>
  </si>
  <si>
    <t>076-420-2467</t>
  </si>
  <si>
    <t>9392728</t>
  </si>
  <si>
    <t>小規模多機能型ホーム日和野</t>
    <rPh sb="6" eb="7">
      <t>ガタ</t>
    </rPh>
    <phoneticPr fontId="2"/>
  </si>
  <si>
    <t>機能訓練対応型デイサービス蛍和</t>
  </si>
  <si>
    <t>076-434-8066</t>
  </si>
  <si>
    <t>通い定員</t>
    <rPh sb="0" eb="1">
      <t>カヨ</t>
    </rPh>
    <rPh sb="2" eb="4">
      <t>テイイン</t>
    </rPh>
    <phoneticPr fontId="2"/>
  </si>
  <si>
    <t>富山市北代４３３１番地４</t>
  </si>
  <si>
    <t>076-471-6647</t>
  </si>
  <si>
    <t>リハ楽とやま</t>
  </si>
  <si>
    <t>076-469-5033</t>
  </si>
  <si>
    <t>076-469-1600</t>
  </si>
  <si>
    <t>五福</t>
    <rPh sb="0" eb="2">
      <t>ゴフク</t>
    </rPh>
    <phoneticPr fontId="11"/>
  </si>
  <si>
    <t>9392612</t>
  </si>
  <si>
    <t>グループホーム花芙蓉</t>
  </si>
  <si>
    <t>076-428-5822</t>
  </si>
  <si>
    <t>富山市西大泉２番２号</t>
  </si>
  <si>
    <t>デイサービス　福禄寿</t>
  </si>
  <si>
    <t>富山市中間島二丁目1番10号</t>
  </si>
  <si>
    <t>グループホーム山室の家</t>
    <rPh sb="7" eb="9">
      <t>ヤマムロ</t>
    </rPh>
    <rPh sb="10" eb="11">
      <t>イエ</t>
    </rPh>
    <phoneticPr fontId="12"/>
  </si>
  <si>
    <t>デイサービスいずみ</t>
  </si>
  <si>
    <t>076-483-1281</t>
  </si>
  <si>
    <t>デイサービスしあわせ</t>
  </si>
  <si>
    <t>076-482-5971</t>
  </si>
  <si>
    <t>076-483-1288</t>
  </si>
  <si>
    <t>076-427-0723</t>
  </si>
  <si>
    <t>9301313</t>
  </si>
  <si>
    <t>デイサービスかみだき</t>
  </si>
  <si>
    <t>デイサービス婦中道場</t>
    <rPh sb="6" eb="10">
      <t>フチュウドウジョウ</t>
    </rPh>
    <phoneticPr fontId="11"/>
  </si>
  <si>
    <t>076-420-3333</t>
  </si>
  <si>
    <t>076-455-8577</t>
  </si>
  <si>
    <t>076-461-6032</t>
  </si>
  <si>
    <t>富山市月岡町四丁目159-２</t>
  </si>
  <si>
    <t>076-461-6031</t>
  </si>
  <si>
    <t>大山</t>
    <rPh sb="0" eb="2">
      <t>オオヤマ</t>
    </rPh>
    <phoneticPr fontId="12"/>
  </si>
  <si>
    <t>富山市八尾町福島七丁目４２番地</t>
    <rPh sb="0" eb="6">
      <t>トヤマシヤツオマチ</t>
    </rPh>
    <rPh sb="6" eb="8">
      <t>フクシマ</t>
    </rPh>
    <rPh sb="8" eb="11">
      <t>7チョウメ</t>
    </rPh>
    <rPh sb="13" eb="15">
      <t>バンチ</t>
    </rPh>
    <phoneticPr fontId="2"/>
  </si>
  <si>
    <t>076-431-7751</t>
  </si>
  <si>
    <t>山室中部</t>
  </si>
  <si>
    <t>富山市高屋敷142番地5</t>
  </si>
  <si>
    <t>9398036</t>
  </si>
  <si>
    <t>076-494-3164</t>
  </si>
  <si>
    <t>076-482-6685</t>
  </si>
  <si>
    <t>9398072</t>
  </si>
  <si>
    <t>ケアホーム春らんまん五福</t>
  </si>
  <si>
    <t>076-435-3422</t>
  </si>
  <si>
    <t>076-429-3357</t>
  </si>
  <si>
    <t>富山市富岡町355番地</t>
  </si>
  <si>
    <t>076-435-6522</t>
  </si>
  <si>
    <t>八幡</t>
  </si>
  <si>
    <t>富山市八町2037番地２</t>
  </si>
  <si>
    <t>富山市上袋712</t>
  </si>
  <si>
    <t>9302226</t>
  </si>
  <si>
    <t>ふるさとのあかり八町</t>
  </si>
  <si>
    <t>076-482-1227</t>
  </si>
  <si>
    <t>富山市亀谷350番地13</t>
  </si>
  <si>
    <t>9301459</t>
  </si>
  <si>
    <t>076-435-5590</t>
  </si>
  <si>
    <t>076-465-7708</t>
  </si>
  <si>
    <t>特定非営利活動法人ありみね</t>
  </si>
  <si>
    <t>富山市婦中町速星609番１号</t>
  </si>
  <si>
    <t>医療法人社団恵成会デイサービスめぐみ</t>
  </si>
  <si>
    <t>076-455-8333</t>
  </si>
  <si>
    <t>富山市八尾町福島三丁目79番</t>
  </si>
  <si>
    <t>076-429-8872</t>
  </si>
  <si>
    <t>076-429-8866</t>
  </si>
  <si>
    <t>富山市寺町9番地1</t>
    <rPh sb="0" eb="3">
      <t>トヤマシ</t>
    </rPh>
    <rPh sb="3" eb="5">
      <t>テラマチ</t>
    </rPh>
    <rPh sb="6" eb="7">
      <t>バン</t>
    </rPh>
    <rPh sb="7" eb="8">
      <t>チ</t>
    </rPh>
    <phoneticPr fontId="11"/>
  </si>
  <si>
    <t>富山市中布目163</t>
  </si>
  <si>
    <t>076-491-2638</t>
  </si>
  <si>
    <t>9398071</t>
  </si>
  <si>
    <t>076-428-5228</t>
  </si>
  <si>
    <t>9398087</t>
  </si>
  <si>
    <t>デイサービスセンター喜文</t>
  </si>
  <si>
    <t>富山市堀川小泉町１丁目14番14号</t>
  </si>
  <si>
    <t>グループホームみのり</t>
  </si>
  <si>
    <t>9398081</t>
  </si>
  <si>
    <t>ありがとうの家</t>
  </si>
  <si>
    <t>076-427-0720</t>
  </si>
  <si>
    <t>呉羽</t>
  </si>
  <si>
    <t>076-481-6234</t>
  </si>
  <si>
    <t>富山市茶屋町441番地３</t>
  </si>
  <si>
    <t>076-405-1510</t>
  </si>
  <si>
    <t>076-461-5332</t>
  </si>
  <si>
    <t>076-481-8838</t>
  </si>
  <si>
    <t>五福</t>
  </si>
  <si>
    <t>富山市金屋2332番地</t>
  </si>
  <si>
    <t>9300873</t>
  </si>
  <si>
    <t>076-424-9041</t>
  </si>
  <si>
    <t>富山市中間島二丁目27番６号</t>
  </si>
  <si>
    <t>富山市町袋１２８－１</t>
  </si>
  <si>
    <t>9318423</t>
  </si>
  <si>
    <t>富山市城川原１丁目17番14号</t>
  </si>
  <si>
    <t>076-471-7489</t>
  </si>
  <si>
    <t>針原デイサービス</t>
  </si>
  <si>
    <t>富山市婦中町鵜坂139</t>
  </si>
  <si>
    <t>076-444-8590</t>
  </si>
  <si>
    <t>東部</t>
    <rPh sb="0" eb="2">
      <t>トウブ</t>
    </rPh>
    <phoneticPr fontId="11"/>
  </si>
  <si>
    <t>076-444-8285</t>
  </si>
  <si>
    <t>富山地域福祉事業所デイサービスぽぴー</t>
  </si>
  <si>
    <t>076-429-3256</t>
  </si>
  <si>
    <t>076-479-9174</t>
  </si>
  <si>
    <t>機能訓練型デイサービス　野の花</t>
  </si>
  <si>
    <t>076-428-3310</t>
  </si>
  <si>
    <t>076-479-0675</t>
  </si>
  <si>
    <t>倉垣</t>
    <rPh sb="0" eb="1">
      <t>クラ</t>
    </rPh>
    <rPh sb="1" eb="2">
      <t>カキ</t>
    </rPh>
    <phoneticPr fontId="13"/>
  </si>
  <si>
    <t>富山市水橋辻ケ堂777</t>
  </si>
  <si>
    <t>富山市吉作300-16</t>
  </si>
  <si>
    <t>9393515</t>
  </si>
  <si>
    <t>清水町</t>
    <rPh sb="0" eb="3">
      <t>シミズマチ</t>
    </rPh>
    <phoneticPr fontId="11"/>
  </si>
  <si>
    <t>富山市四方1133番地１</t>
  </si>
  <si>
    <t>デイサービス　しおんの家</t>
  </si>
  <si>
    <t>076-482-5706</t>
  </si>
  <si>
    <t>076-493-0765</t>
  </si>
  <si>
    <t>9300928</t>
  </si>
  <si>
    <t>新庄</t>
    <rPh sb="0" eb="2">
      <t>シンジョウ</t>
    </rPh>
    <phoneticPr fontId="12"/>
  </si>
  <si>
    <t>デイサービスセンターひかり苑</t>
  </si>
  <si>
    <t>このゆびとーまれ</t>
  </si>
  <si>
    <t>076-461-5513</t>
  </si>
  <si>
    <t>定期巡回サービスセンターすみれ</t>
  </si>
  <si>
    <t>富山市鍋田17番50号</t>
    <rPh sb="0" eb="3">
      <t>トヤマシ</t>
    </rPh>
    <rPh sb="3" eb="5">
      <t>ナベタ</t>
    </rPh>
    <rPh sb="7" eb="8">
      <t>バン</t>
    </rPh>
    <rPh sb="10" eb="11">
      <t>ゴウ</t>
    </rPh>
    <phoneticPr fontId="11"/>
  </si>
  <si>
    <t>富山市本郷町262番15</t>
    <rPh sb="0" eb="3">
      <t>トヤマシ</t>
    </rPh>
    <rPh sb="3" eb="6">
      <t>ホンゴウチョウ</t>
    </rPh>
    <rPh sb="9" eb="10">
      <t>バン</t>
    </rPh>
    <phoneticPr fontId="2"/>
  </si>
  <si>
    <t>グループホーム めぐみ</t>
  </si>
  <si>
    <t>076-411-4040</t>
  </si>
  <si>
    <t>富山市天正寺484番地１</t>
  </si>
  <si>
    <t>富山市辰巳町2丁目6-2</t>
    <rPh sb="3" eb="6">
      <t>タツミチョウ</t>
    </rPh>
    <rPh sb="7" eb="9">
      <t>チョウメ</t>
    </rPh>
    <phoneticPr fontId="11"/>
  </si>
  <si>
    <t>グループホームなごみ</t>
  </si>
  <si>
    <t>射水万葉会天正寺サポートセンター</t>
  </si>
  <si>
    <t>小規模多機能型居宅介護あらた</t>
    <rPh sb="0" eb="7">
      <t>ショウキボタキノウガタ</t>
    </rPh>
    <rPh sb="7" eb="11">
      <t>キョタクカイゴ</t>
    </rPh>
    <phoneticPr fontId="2"/>
  </si>
  <si>
    <t>校区・地域</t>
  </si>
  <si>
    <t>076-479-6860</t>
  </si>
  <si>
    <t>076-471-7851</t>
  </si>
  <si>
    <t>076-435-5577</t>
  </si>
  <si>
    <t>076-481-6124</t>
  </si>
  <si>
    <t>076-420-3335</t>
  </si>
  <si>
    <t>076-471-7107</t>
  </si>
  <si>
    <t>076-478-3705</t>
  </si>
  <si>
    <t>076-411-5223</t>
  </si>
  <si>
    <t>076-478-3701</t>
  </si>
  <si>
    <t>グループホームさくら</t>
  </si>
  <si>
    <t>076-461-5300</t>
  </si>
  <si>
    <t>富山市婦中町中名１０７７番－７</t>
    <rPh sb="0" eb="3">
      <t>トヤマシ</t>
    </rPh>
    <rPh sb="3" eb="6">
      <t>フチュウマチ</t>
    </rPh>
    <rPh sb="6" eb="7">
      <t>ナカ</t>
    </rPh>
    <rPh sb="7" eb="8">
      <t>ナ</t>
    </rPh>
    <rPh sb="12" eb="13">
      <t>バン</t>
    </rPh>
    <phoneticPr fontId="12"/>
  </si>
  <si>
    <t>小規模多機能お気良倶とやま</t>
  </si>
  <si>
    <t>076-471-6376</t>
  </si>
  <si>
    <t>富山市中島二丁目１番43号</t>
  </si>
  <si>
    <t>藤ノ木</t>
    <rPh sb="0" eb="1">
      <t>フジ</t>
    </rPh>
    <rPh sb="2" eb="3">
      <t>キ</t>
    </rPh>
    <phoneticPr fontId="11"/>
  </si>
  <si>
    <t>076-464-6737</t>
  </si>
  <si>
    <t>076-464-6738</t>
  </si>
  <si>
    <t>富山市新庄町二丁目９番43号</t>
  </si>
  <si>
    <t>八幡</t>
    <rPh sb="0" eb="2">
      <t>ヤハタ</t>
    </rPh>
    <phoneticPr fontId="2"/>
  </si>
  <si>
    <t>076-433-2592</t>
  </si>
  <si>
    <t>富山市田尻西５６番地３</t>
  </si>
  <si>
    <t>グループホーム黄金の愉</t>
  </si>
  <si>
    <t>076-436-2033</t>
  </si>
  <si>
    <t>とやま生協　輝かみいいの</t>
    <rPh sb="3" eb="5">
      <t>セイキョウ</t>
    </rPh>
    <phoneticPr fontId="2"/>
  </si>
  <si>
    <t>076-407-1401</t>
  </si>
  <si>
    <t>076-436-2220</t>
  </si>
  <si>
    <t>広田</t>
    <rPh sb="0" eb="2">
      <t>ヒロタ</t>
    </rPh>
    <phoneticPr fontId="11"/>
  </si>
  <si>
    <t>認知症対応型グループホームくれは陽光苑</t>
  </si>
  <si>
    <t>新庄北</t>
    <rPh sb="0" eb="3">
      <t>シンジョウキタ</t>
    </rPh>
    <phoneticPr fontId="2"/>
  </si>
  <si>
    <t>グループホーム日和野</t>
  </si>
  <si>
    <t>076-437-7722</t>
  </si>
  <si>
    <t>076-481-6226</t>
  </si>
  <si>
    <t>グループホーム　せいふう</t>
  </si>
  <si>
    <t>076-428-3337</t>
  </si>
  <si>
    <t>076-491-3310</t>
  </si>
  <si>
    <t>グループホーム笑美寿</t>
  </si>
  <si>
    <t>076-491-3388</t>
  </si>
  <si>
    <t>八幡</t>
    <rPh sb="0" eb="2">
      <t>ヤハタ</t>
    </rPh>
    <phoneticPr fontId="12"/>
  </si>
  <si>
    <t>富山市掛尾町540-１</t>
  </si>
  <si>
    <t>富山市高畠町二丁目１２番地４１</t>
    <rPh sb="0" eb="3">
      <t>トヤマシ</t>
    </rPh>
    <rPh sb="3" eb="6">
      <t>タカバタケマチ</t>
    </rPh>
    <rPh sb="6" eb="9">
      <t>ニチョウメ</t>
    </rPh>
    <rPh sb="11" eb="13">
      <t>バンチ</t>
    </rPh>
    <phoneticPr fontId="11"/>
  </si>
  <si>
    <t>グループホームこちどり</t>
  </si>
  <si>
    <t>富山市大江干32番地１</t>
  </si>
  <si>
    <t>076-461-0011</t>
  </si>
  <si>
    <t>076-420-6373</t>
  </si>
  <si>
    <t>076-420-6335</t>
  </si>
  <si>
    <t>富山市蜷川１１番地１１</t>
    <rPh sb="0" eb="3">
      <t>トヤマシ</t>
    </rPh>
    <rPh sb="3" eb="5">
      <t>ニナガワ</t>
    </rPh>
    <rPh sb="7" eb="9">
      <t>バンチ</t>
    </rPh>
    <phoneticPr fontId="12"/>
  </si>
  <si>
    <t>076-425-1182</t>
  </si>
  <si>
    <t>向新庄ステーション　鈴の音</t>
    <rPh sb="0" eb="3">
      <t>ムカイシンジョウ</t>
    </rPh>
    <rPh sb="10" eb="11">
      <t>スズ</t>
    </rPh>
    <rPh sb="12" eb="13">
      <t>ネ</t>
    </rPh>
    <phoneticPr fontId="11"/>
  </si>
  <si>
    <t>076-452-2100</t>
  </si>
  <si>
    <t>倉垣</t>
    <rPh sb="0" eb="2">
      <t>クラガキ</t>
    </rPh>
    <phoneticPr fontId="11"/>
  </si>
  <si>
    <t>076-471-0559</t>
  </si>
  <si>
    <t>針原</t>
    <rPh sb="0" eb="1">
      <t>ハリ</t>
    </rPh>
    <rPh sb="1" eb="2">
      <t>ハラ</t>
    </rPh>
    <phoneticPr fontId="2"/>
  </si>
  <si>
    <t>076-429-8955</t>
  </si>
  <si>
    <t>グループホームやまゆり</t>
  </si>
  <si>
    <t>076-436-2120</t>
  </si>
  <si>
    <t>076-436-2133</t>
  </si>
  <si>
    <t>076-420-1202</t>
  </si>
  <si>
    <t>076-420-2477</t>
  </si>
  <si>
    <t>五番町</t>
    <rPh sb="0" eb="3">
      <t>ゴバンマチ</t>
    </rPh>
    <phoneticPr fontId="2"/>
  </si>
  <si>
    <t>富山市辰巳町2丁目-4-12</t>
  </si>
  <si>
    <t>グループホーム　あざみ</t>
  </si>
  <si>
    <t>076-433-1285</t>
  </si>
  <si>
    <t>富山市月岡町２丁目１８９番地</t>
  </si>
  <si>
    <t>076-433-1280</t>
  </si>
  <si>
    <t>076-431-7741</t>
  </si>
  <si>
    <t>076-428-3077</t>
  </si>
  <si>
    <t>076-427-0722</t>
  </si>
  <si>
    <t>076-479-1305</t>
  </si>
  <si>
    <t>076-479-6861</t>
  </si>
  <si>
    <t>076-407-1380</t>
  </si>
  <si>
    <t>梨雲苑デイ・サービスセンター</t>
  </si>
  <si>
    <t>076-428-8265</t>
  </si>
  <si>
    <t>076-428-2255</t>
  </si>
  <si>
    <t>ひより</t>
  </si>
  <si>
    <t>076-466-6862</t>
  </si>
  <si>
    <t>076-466-0911</t>
  </si>
  <si>
    <t>076-466-0910</t>
  </si>
  <si>
    <t>076-461-6665</t>
  </si>
  <si>
    <t>076-479-2780</t>
  </si>
  <si>
    <t>定員</t>
    <rPh sb="0" eb="2">
      <t>テイイン</t>
    </rPh>
    <phoneticPr fontId="2"/>
  </si>
  <si>
    <t>076-407-1666</t>
  </si>
  <si>
    <t>076-483-8813</t>
  </si>
  <si>
    <t>富山市藤木893</t>
  </si>
  <si>
    <t>認知症対応型デイサービスコスモスの里藤ノ木</t>
  </si>
  <si>
    <t>076-464-3433</t>
  </si>
  <si>
    <t>くまの光風苑</t>
    <rPh sb="3" eb="5">
      <t>コウフウ</t>
    </rPh>
    <rPh sb="5" eb="6">
      <t>エン</t>
    </rPh>
    <phoneticPr fontId="2"/>
  </si>
  <si>
    <t>デイサービスしおんの家・愛</t>
  </si>
  <si>
    <t>1670100369</t>
  </si>
  <si>
    <t>076-435-5530</t>
  </si>
  <si>
    <t>076-482-3031</t>
  </si>
  <si>
    <t>富山市水橋辻ヶ堂801番地1</t>
    <rPh sb="0" eb="3">
      <t>トヤマシ</t>
    </rPh>
    <rPh sb="3" eb="5">
      <t>ミズハシ</t>
    </rPh>
    <rPh sb="5" eb="6">
      <t>ツジ</t>
    </rPh>
    <rPh sb="7" eb="8">
      <t>ドウ</t>
    </rPh>
    <rPh sb="11" eb="13">
      <t>バンチ</t>
    </rPh>
    <phoneticPr fontId="2"/>
  </si>
  <si>
    <t>認知症デイサービスさふらん</t>
    <rPh sb="0" eb="2">
      <t>ニンチ</t>
    </rPh>
    <rPh sb="2" eb="3">
      <t>ショウ</t>
    </rPh>
    <phoneticPr fontId="2"/>
  </si>
  <si>
    <t>ハクジュサロン大泉店</t>
    <rPh sb="7" eb="10">
      <t>オオイズミテン</t>
    </rPh>
    <phoneticPr fontId="11"/>
  </si>
  <si>
    <t>076-451-4411</t>
  </si>
  <si>
    <t>富山市本郷町262番地14</t>
  </si>
  <si>
    <t>草島</t>
    <rPh sb="0" eb="2">
      <t>クサジマ</t>
    </rPh>
    <phoneticPr fontId="2"/>
  </si>
  <si>
    <t>デイサービス梨の花</t>
  </si>
  <si>
    <t>富山市西田地方町二丁目10番11号</t>
    <rPh sb="8" eb="9">
      <t>2</t>
    </rPh>
    <rPh sb="16" eb="17">
      <t>ゴウ</t>
    </rPh>
    <phoneticPr fontId="2"/>
  </si>
  <si>
    <t>デイサービス むつみの里</t>
    <rPh sb="11" eb="12">
      <t>サト</t>
    </rPh>
    <phoneticPr fontId="11"/>
  </si>
  <si>
    <t>076-451-0467</t>
  </si>
  <si>
    <t>富山市針原中町745番地</t>
  </si>
  <si>
    <t>富山市呉羽町3918-150</t>
    <rPh sb="0" eb="3">
      <t>トヤマシ</t>
    </rPh>
    <rPh sb="3" eb="5">
      <t>クレハ</t>
    </rPh>
    <rPh sb="5" eb="6">
      <t>マチ</t>
    </rPh>
    <phoneticPr fontId="2"/>
  </si>
  <si>
    <t>076-436-2165</t>
  </si>
  <si>
    <t>富山市吉作１７２５</t>
  </si>
  <si>
    <t>076-471-0549</t>
  </si>
  <si>
    <t>山室</t>
    <rPh sb="0" eb="2">
      <t>ヤマムロ</t>
    </rPh>
    <phoneticPr fontId="12"/>
  </si>
  <si>
    <t>小規模多機能ホームわごうの郷</t>
    <rPh sb="0" eb="6">
      <t>ショウキボタキノウ</t>
    </rPh>
    <rPh sb="13" eb="14">
      <t>サト</t>
    </rPh>
    <phoneticPr fontId="2"/>
  </si>
  <si>
    <t>富山市北代189番地</t>
  </si>
  <si>
    <t>富山市上袋５１８－１</t>
    <rPh sb="0" eb="3">
      <t>トヤマシ</t>
    </rPh>
    <rPh sb="3" eb="4">
      <t>カミ</t>
    </rPh>
    <rPh sb="4" eb="5">
      <t>ブクロ</t>
    </rPh>
    <phoneticPr fontId="12"/>
  </si>
  <si>
    <t>富山県富山市藤木853番地1</t>
  </si>
  <si>
    <t>小規模多機能ホームコスモスの里</t>
  </si>
  <si>
    <t>とやま生協　輝ゆとり～な</t>
    <rPh sb="3" eb="5">
      <t>セイキョウ</t>
    </rPh>
    <phoneticPr fontId="2"/>
  </si>
  <si>
    <t>076-429-3991</t>
  </si>
  <si>
    <t>076-429-3990</t>
  </si>
  <si>
    <t>熊野</t>
    <rPh sb="0" eb="1">
      <t>クマ</t>
    </rPh>
    <rPh sb="1" eb="2">
      <t>ノ</t>
    </rPh>
    <phoneticPr fontId="2"/>
  </si>
  <si>
    <t>小規模多機能ホームおらとこ若竹</t>
  </si>
  <si>
    <t>076-471-5908</t>
  </si>
  <si>
    <t>小規模多機能型くれは陽光苑</t>
  </si>
  <si>
    <t>076-442-8090</t>
  </si>
  <si>
    <t>小規模多機能型居宅介護事業所　花みずき参番館</t>
  </si>
  <si>
    <t>小規模多機能型居宅みのり</t>
  </si>
  <si>
    <t>076-428-3200</t>
  </si>
  <si>
    <t>特定非営利活動法人えがおでねぃ</t>
    <rPh sb="0" eb="2">
      <t>トクテイ</t>
    </rPh>
    <rPh sb="2" eb="3">
      <t>ヒ</t>
    </rPh>
    <rPh sb="3" eb="5">
      <t>エイリ</t>
    </rPh>
    <rPh sb="5" eb="7">
      <t>カツドウ</t>
    </rPh>
    <rPh sb="7" eb="9">
      <t>ホウジン</t>
    </rPh>
    <phoneticPr fontId="11"/>
  </si>
  <si>
    <t>076-428-3336</t>
  </si>
  <si>
    <t>コミュニティホーム　せいふう</t>
  </si>
  <si>
    <t>076-438-8489</t>
  </si>
  <si>
    <t xml:space="preserve">
グループホーム しおんの家・望</t>
    <rPh sb="13" eb="14">
      <t>イエ</t>
    </rPh>
    <rPh sb="15" eb="16">
      <t>ノゾ</t>
    </rPh>
    <phoneticPr fontId="12"/>
  </si>
  <si>
    <t>076-411-7166</t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11"/>
  </si>
  <si>
    <t>富山市辰巳町二丁目4番12号</t>
  </si>
  <si>
    <t>ケアステーションあざみ</t>
  </si>
  <si>
    <t>広田</t>
    <rPh sb="0" eb="1">
      <t>ヒロ</t>
    </rPh>
    <rPh sb="1" eb="2">
      <t>タ</t>
    </rPh>
    <phoneticPr fontId="2"/>
  </si>
  <si>
    <t>小規模多機能型居宅なごみ</t>
  </si>
  <si>
    <t>富山市上飯野14番地3</t>
    <rPh sb="0" eb="6">
      <t>トヤマシカミイイノ</t>
    </rPh>
    <rPh sb="8" eb="9">
      <t>バン</t>
    </rPh>
    <rPh sb="9" eb="10">
      <t>チ</t>
    </rPh>
    <phoneticPr fontId="2"/>
  </si>
  <si>
    <t>富山市吉作４２６１番地５</t>
    <rPh sb="0" eb="3">
      <t>トヤマシ</t>
    </rPh>
    <rPh sb="3" eb="4">
      <t>キチ</t>
    </rPh>
    <rPh sb="4" eb="5">
      <t>ツク</t>
    </rPh>
    <rPh sb="9" eb="11">
      <t>バンチ</t>
    </rPh>
    <phoneticPr fontId="12"/>
  </si>
  <si>
    <t>076-435-6333</t>
  </si>
  <si>
    <t>076-435-6888</t>
  </si>
  <si>
    <t>一休庵小規模多機能型居宅介護</t>
  </si>
  <si>
    <t>076-483-8811</t>
  </si>
  <si>
    <t>富山市上滝４２４番地２</t>
    <rPh sb="3" eb="4">
      <t>ウエ</t>
    </rPh>
    <rPh sb="4" eb="5">
      <t>タキ</t>
    </rPh>
    <rPh sb="8" eb="10">
      <t>バンチ</t>
    </rPh>
    <phoneticPr fontId="2"/>
  </si>
  <si>
    <t>小規模多機能ホームおらとこ東</t>
    <rPh sb="0" eb="3">
      <t>ショウキボ</t>
    </rPh>
    <rPh sb="3" eb="6">
      <t>タキノウ</t>
    </rPh>
    <rPh sb="13" eb="14">
      <t>ヒガシ</t>
    </rPh>
    <phoneticPr fontId="2"/>
  </si>
  <si>
    <t>登録定員</t>
    <rPh sb="0" eb="2">
      <t>トウロク</t>
    </rPh>
    <rPh sb="2" eb="4">
      <t>テイイン</t>
    </rPh>
    <phoneticPr fontId="2"/>
  </si>
  <si>
    <t>看護小規模多機能型居宅介護笑美寿東</t>
    <rPh sb="0" eb="2">
      <t>カンゴ</t>
    </rPh>
    <phoneticPr fontId="2"/>
  </si>
  <si>
    <t>ナーシングホーム希望のひかり</t>
  </si>
  <si>
    <t>富山西デイサービスセンター</t>
    <rPh sb="0" eb="3">
      <t>トヤマニシ</t>
    </rPh>
    <phoneticPr fontId="12"/>
  </si>
  <si>
    <t>076-461-3564</t>
  </si>
  <si>
    <t>076-461-4404</t>
  </si>
  <si>
    <t>富山市石金一丁目２番３０号</t>
    <rPh sb="0" eb="3">
      <t>トヤマシ</t>
    </rPh>
    <rPh sb="3" eb="5">
      <t>イシガネ</t>
    </rPh>
    <rPh sb="5" eb="8">
      <t>イッチョウメ</t>
    </rPh>
    <rPh sb="9" eb="10">
      <t>バン</t>
    </rPh>
    <rPh sb="12" eb="13">
      <t>ゴウ</t>
    </rPh>
    <phoneticPr fontId="2"/>
  </si>
  <si>
    <t>076-433-6571</t>
  </si>
  <si>
    <t>076-432-1160</t>
  </si>
  <si>
    <t>八尾</t>
    <rPh sb="0" eb="2">
      <t>ヤツオ</t>
    </rPh>
    <phoneticPr fontId="11"/>
  </si>
  <si>
    <t>介護保険事業所一覧</t>
  </si>
  <si>
    <t>（地域密着型サービス）</t>
    <rPh sb="1" eb="6">
      <t>チイキミッチャクガタ</t>
    </rPh>
    <phoneticPr fontId="2"/>
  </si>
  <si>
    <t>076-461-5263</t>
  </si>
  <si>
    <t>定期巡回ステーションまめなけ</t>
    <rPh sb="0" eb="4">
      <t>テイキジュンカイ</t>
    </rPh>
    <phoneticPr fontId="2"/>
  </si>
  <si>
    <t>076-454-5000</t>
  </si>
  <si>
    <t>076-455-3835</t>
  </si>
  <si>
    <t>076-468-3322</t>
  </si>
  <si>
    <t>富山市下大久保1530番地１</t>
    <rPh sb="0" eb="7">
      <t>トヤマシシモオオクボ</t>
    </rPh>
    <rPh sb="11" eb="13">
      <t>バンチ</t>
    </rPh>
    <phoneticPr fontId="2"/>
  </si>
  <si>
    <t>富山市大泉町１丁目２－１３</t>
  </si>
  <si>
    <t>岩瀬</t>
    <rPh sb="0" eb="2">
      <t>イワセ</t>
    </rPh>
    <phoneticPr fontId="12"/>
  </si>
  <si>
    <t>和合</t>
    <rPh sb="0" eb="2">
      <t>ワゴウ</t>
    </rPh>
    <phoneticPr fontId="11"/>
  </si>
  <si>
    <t>広田</t>
    <rPh sb="0" eb="2">
      <t>ヒロタ</t>
    </rPh>
    <phoneticPr fontId="12"/>
  </si>
  <si>
    <t>新庄</t>
    <rPh sb="0" eb="2">
      <t>シンジョウ</t>
    </rPh>
    <phoneticPr fontId="11"/>
  </si>
  <si>
    <t>076-471-7845</t>
  </si>
  <si>
    <t>大沢野</t>
    <rPh sb="0" eb="3">
      <t>オオサワノ</t>
    </rPh>
    <phoneticPr fontId="12"/>
  </si>
  <si>
    <t>神明</t>
    <rPh sb="0" eb="2">
      <t>シンメイ</t>
    </rPh>
    <phoneticPr fontId="12"/>
  </si>
  <si>
    <t>呉羽</t>
    <rPh sb="0" eb="2">
      <t>クレハ</t>
    </rPh>
    <phoneticPr fontId="12"/>
  </si>
  <si>
    <t>奥田北</t>
    <rPh sb="0" eb="2">
      <t>オクダ</t>
    </rPh>
    <rPh sb="2" eb="3">
      <t>キタ</t>
    </rPh>
    <phoneticPr fontId="12"/>
  </si>
  <si>
    <t>富山市栃谷２４６番地</t>
  </si>
  <si>
    <t>富山市春日３６２－１</t>
    <rPh sb="0" eb="3">
      <t>トヤマシ</t>
    </rPh>
    <rPh sb="3" eb="5">
      <t>カスガ</t>
    </rPh>
    <phoneticPr fontId="12"/>
  </si>
  <si>
    <t>藤ノ木</t>
    <rPh sb="0" eb="1">
      <t>フジ</t>
    </rPh>
    <rPh sb="2" eb="3">
      <t>キ</t>
    </rPh>
    <phoneticPr fontId="12"/>
  </si>
  <si>
    <t>076-429-8880</t>
  </si>
  <si>
    <t>076-429-8855</t>
  </si>
  <si>
    <t>グループホームしおんの家・愛</t>
    <rPh sb="13" eb="14">
      <t>アイ</t>
    </rPh>
    <phoneticPr fontId="12"/>
  </si>
  <si>
    <t>富山市水橋辻ヶ堂８４２番地１</t>
    <rPh sb="5" eb="6">
      <t>ツジ</t>
    </rPh>
    <rPh sb="7" eb="8">
      <t>ドウ</t>
    </rPh>
    <rPh sb="11" eb="13">
      <t>バンチ</t>
    </rPh>
    <phoneticPr fontId="12"/>
  </si>
  <si>
    <t>水橋西部</t>
    <rPh sb="0" eb="2">
      <t>ミズハシ</t>
    </rPh>
    <rPh sb="2" eb="4">
      <t>セイブ</t>
    </rPh>
    <phoneticPr fontId="12"/>
  </si>
  <si>
    <t>グループホームあっとほーむ婦中</t>
    <rPh sb="13" eb="15">
      <t>フチュウ</t>
    </rPh>
    <phoneticPr fontId="12"/>
  </si>
  <si>
    <t>グループホーム婦中の家</t>
    <rPh sb="7" eb="9">
      <t>フチュウ</t>
    </rPh>
    <rPh sb="10" eb="11">
      <t>イエ</t>
    </rPh>
    <phoneticPr fontId="12"/>
  </si>
  <si>
    <t>富山市婦中町添島字正仙５４７－４</t>
    <rPh sb="0" eb="3">
      <t>トヤマシ</t>
    </rPh>
    <rPh sb="3" eb="6">
      <t>フチュウマチ</t>
    </rPh>
    <rPh sb="6" eb="7">
      <t>ソ</t>
    </rPh>
    <rPh sb="7" eb="8">
      <t>シマ</t>
    </rPh>
    <rPh sb="8" eb="9">
      <t>ジ</t>
    </rPh>
    <rPh sb="9" eb="10">
      <t>タダ</t>
    </rPh>
    <rPh sb="10" eb="11">
      <t>セン</t>
    </rPh>
    <phoneticPr fontId="12"/>
  </si>
  <si>
    <t>蜷川</t>
    <rPh sb="0" eb="2">
      <t>ニナガワ</t>
    </rPh>
    <phoneticPr fontId="12"/>
  </si>
  <si>
    <t>富山市北代１８９</t>
    <rPh sb="0" eb="3">
      <t>トヤマシ</t>
    </rPh>
    <rPh sb="3" eb="4">
      <t>キタ</t>
    </rPh>
    <rPh sb="4" eb="5">
      <t>ダイ</t>
    </rPh>
    <phoneticPr fontId="12"/>
  </si>
  <si>
    <t>とやまケアセンターそよ風</t>
    <rPh sb="11" eb="12">
      <t>カゼ</t>
    </rPh>
    <phoneticPr fontId="12"/>
  </si>
  <si>
    <t>富山市塚原１９５－１</t>
    <rPh sb="0" eb="3">
      <t>トヤマシ</t>
    </rPh>
    <rPh sb="3" eb="5">
      <t>ツカハラ</t>
    </rPh>
    <phoneticPr fontId="12"/>
  </si>
  <si>
    <t>新保</t>
    <rPh sb="0" eb="2">
      <t>シンボ</t>
    </rPh>
    <phoneticPr fontId="12"/>
  </si>
  <si>
    <t>富山市水橋辻ヶ堂７７７</t>
    <rPh sb="0" eb="3">
      <t>トヤマシ</t>
    </rPh>
    <rPh sb="3" eb="5">
      <t>ミズハシ</t>
    </rPh>
    <rPh sb="5" eb="6">
      <t>ツジ</t>
    </rPh>
    <rPh sb="7" eb="8">
      <t>ドウ</t>
    </rPh>
    <phoneticPr fontId="12"/>
  </si>
  <si>
    <t>グループホームみどりの丘</t>
    <rPh sb="11" eb="12">
      <t>オカ</t>
    </rPh>
    <phoneticPr fontId="12"/>
  </si>
  <si>
    <t>五番町</t>
    <rPh sb="0" eb="3">
      <t>ゴバンマチ</t>
    </rPh>
    <phoneticPr fontId="12"/>
  </si>
  <si>
    <t>富山市小原屋202番地</t>
    <rPh sb="0" eb="3">
      <t>トヤマシ</t>
    </rPh>
    <rPh sb="3" eb="6">
      <t>オハラヤ</t>
    </rPh>
    <rPh sb="9" eb="11">
      <t>バンチ</t>
    </rPh>
    <phoneticPr fontId="12"/>
  </si>
  <si>
    <t>ツクイ富山萩原グループホーム</t>
    <rPh sb="3" eb="4">
      <t>トミ</t>
    </rPh>
    <rPh sb="4" eb="5">
      <t>ヤマ</t>
    </rPh>
    <rPh sb="5" eb="7">
      <t>ハギワラ</t>
    </rPh>
    <phoneticPr fontId="12"/>
  </si>
  <si>
    <t>富山市上野７９９番地１</t>
    <rPh sb="0" eb="3">
      <t>トヤマシ</t>
    </rPh>
    <rPh sb="3" eb="5">
      <t>ウエノ</t>
    </rPh>
    <rPh sb="8" eb="10">
      <t>バンチ</t>
    </rPh>
    <phoneticPr fontId="11"/>
  </si>
  <si>
    <t>富山市萩原１７９－１</t>
    <rPh sb="0" eb="3">
      <t>トヤマシ</t>
    </rPh>
    <rPh sb="3" eb="5">
      <t>ハギワラ</t>
    </rPh>
    <phoneticPr fontId="12"/>
  </si>
  <si>
    <t>富山市中川原３９９－１</t>
    <rPh sb="0" eb="3">
      <t>トヤマシ</t>
    </rPh>
    <rPh sb="3" eb="5">
      <t>ナカガワ</t>
    </rPh>
    <rPh sb="5" eb="6">
      <t>ハラ</t>
    </rPh>
    <phoneticPr fontId="12"/>
  </si>
  <si>
    <t>チャレンジアイ上冨居</t>
    <rPh sb="7" eb="10">
      <t>カミフゴ</t>
    </rPh>
    <phoneticPr fontId="11"/>
  </si>
  <si>
    <t>富山市今泉２０９番地</t>
    <rPh sb="0" eb="3">
      <t>トヤマシ</t>
    </rPh>
    <rPh sb="3" eb="5">
      <t>イマイズミ</t>
    </rPh>
    <rPh sb="8" eb="10">
      <t>バンチ</t>
    </rPh>
    <phoneticPr fontId="12"/>
  </si>
  <si>
    <t>グループホーム城南</t>
    <rPh sb="7" eb="9">
      <t>ジョウナン</t>
    </rPh>
    <phoneticPr fontId="12"/>
  </si>
  <si>
    <t>富山市太郎丸西町一丁目７－２</t>
    <rPh sb="0" eb="3">
      <t>トヤマシ</t>
    </rPh>
    <rPh sb="3" eb="6">
      <t>タロウマル</t>
    </rPh>
    <rPh sb="6" eb="7">
      <t>ニシ</t>
    </rPh>
    <rPh sb="7" eb="8">
      <t>マチ</t>
    </rPh>
    <rPh sb="8" eb="11">
      <t>イッチョウメ</t>
    </rPh>
    <phoneticPr fontId="12"/>
  </si>
  <si>
    <t>グループホームときわ木の里</t>
    <rPh sb="10" eb="11">
      <t>キ</t>
    </rPh>
    <rPh sb="12" eb="13">
      <t>サト</t>
    </rPh>
    <phoneticPr fontId="12"/>
  </si>
  <si>
    <t>富山市中大浦１６８番地の２</t>
    <rPh sb="0" eb="3">
      <t>トヤマシ</t>
    </rPh>
    <rPh sb="3" eb="4">
      <t>ナカ</t>
    </rPh>
    <rPh sb="4" eb="6">
      <t>オオウラ</t>
    </rPh>
    <rPh sb="9" eb="11">
      <t>バンチ</t>
    </rPh>
    <phoneticPr fontId="12"/>
  </si>
  <si>
    <t>豊田</t>
    <rPh sb="0" eb="2">
      <t>トヨタ</t>
    </rPh>
    <phoneticPr fontId="12"/>
  </si>
  <si>
    <t>老田</t>
    <rPh sb="0" eb="2">
      <t>オイダ</t>
    </rPh>
    <phoneticPr fontId="12"/>
  </si>
  <si>
    <t>グループホーム笑美寿東</t>
    <rPh sb="7" eb="8">
      <t>エ</t>
    </rPh>
    <rPh sb="8" eb="9">
      <t>ビ</t>
    </rPh>
    <rPh sb="9" eb="10">
      <t>コトブキ</t>
    </rPh>
    <rPh sb="10" eb="11">
      <t>ヒガシ</t>
    </rPh>
    <phoneticPr fontId="12"/>
  </si>
  <si>
    <t>富山市田畑852番地3</t>
    <rPh sb="0" eb="3">
      <t>トヤマシ</t>
    </rPh>
    <rPh sb="3" eb="5">
      <t>タハタ</t>
    </rPh>
    <rPh sb="8" eb="10">
      <t>バンチ</t>
    </rPh>
    <phoneticPr fontId="12"/>
  </si>
  <si>
    <t>大山</t>
    <rPh sb="0" eb="2">
      <t>オオヤマ</t>
    </rPh>
    <phoneticPr fontId="11"/>
  </si>
  <si>
    <t>せせらぎの郷</t>
    <rPh sb="5" eb="6">
      <t>サト</t>
    </rPh>
    <phoneticPr fontId="12"/>
  </si>
  <si>
    <t>富山市千原崎二丁目4番30号</t>
    <rPh sb="10" eb="11">
      <t>バン</t>
    </rPh>
    <rPh sb="13" eb="14">
      <t>ゴウ</t>
    </rPh>
    <phoneticPr fontId="12"/>
  </si>
  <si>
    <t>富山市山室63番地</t>
    <rPh sb="0" eb="3">
      <t>トヤマシ</t>
    </rPh>
    <rPh sb="3" eb="5">
      <t>ヤマムロ</t>
    </rPh>
    <rPh sb="7" eb="9">
      <t>バンチ</t>
    </rPh>
    <phoneticPr fontId="12"/>
  </si>
  <si>
    <t>グループホームつばめ野</t>
    <rPh sb="10" eb="11">
      <t>ノ</t>
    </rPh>
    <phoneticPr fontId="11"/>
  </si>
  <si>
    <t>076-411-6657</t>
  </si>
  <si>
    <t>富山市新庄北町31番36号</t>
    <rPh sb="0" eb="7">
      <t>トヤマシシンジョウキタマチ</t>
    </rPh>
    <rPh sb="9" eb="10">
      <t>バン</t>
    </rPh>
    <rPh sb="12" eb="13">
      <t>ゴウ</t>
    </rPh>
    <phoneticPr fontId="2"/>
  </si>
  <si>
    <t>076-481-8837</t>
  </si>
  <si>
    <t>076-461-5175</t>
  </si>
  <si>
    <t>076-491-8900</t>
  </si>
  <si>
    <t>富山市本郷町２６２番地１４</t>
    <rPh sb="10" eb="11">
      <t>チ</t>
    </rPh>
    <phoneticPr fontId="11"/>
  </si>
  <si>
    <t>堀川</t>
    <rPh sb="0" eb="2">
      <t>ホリカワ</t>
    </rPh>
    <phoneticPr fontId="11"/>
  </si>
  <si>
    <t>桜谷</t>
    <rPh sb="0" eb="2">
      <t>サクラダニ</t>
    </rPh>
    <phoneticPr fontId="11"/>
  </si>
  <si>
    <t>076-425-8787</t>
  </si>
  <si>
    <t>柳町</t>
    <rPh sb="0" eb="2">
      <t>ヤナギマチ</t>
    </rPh>
    <phoneticPr fontId="11"/>
  </si>
  <si>
    <t>大広田</t>
    <rPh sb="0" eb="3">
      <t>オオヒロタ</t>
    </rPh>
    <phoneticPr fontId="11"/>
  </si>
  <si>
    <t>大沢野</t>
    <rPh sb="0" eb="3">
      <t>オオサワノ</t>
    </rPh>
    <phoneticPr fontId="11"/>
  </si>
  <si>
    <t>太田</t>
    <rPh sb="0" eb="2">
      <t>オオタ</t>
    </rPh>
    <phoneticPr fontId="11"/>
  </si>
  <si>
    <t>神明</t>
    <rPh sb="0" eb="2">
      <t>シンメイ</t>
    </rPh>
    <phoneticPr fontId="11"/>
  </si>
  <si>
    <t>富山市吉作1027番1</t>
    <rPh sb="0" eb="3">
      <t>トヤマシ</t>
    </rPh>
    <rPh sb="3" eb="4">
      <t>キチ</t>
    </rPh>
    <rPh sb="9" eb="10">
      <t>バン</t>
    </rPh>
    <phoneticPr fontId="11"/>
  </si>
  <si>
    <t>呉羽</t>
    <rPh sb="0" eb="2">
      <t>クレハ</t>
    </rPh>
    <phoneticPr fontId="11"/>
  </si>
  <si>
    <t>奥田北</t>
    <rPh sb="0" eb="2">
      <t>オクダ</t>
    </rPh>
    <rPh sb="2" eb="3">
      <t>キタ</t>
    </rPh>
    <phoneticPr fontId="11"/>
  </si>
  <si>
    <t>古沢</t>
    <rPh sb="0" eb="2">
      <t>フルサワ</t>
    </rPh>
    <phoneticPr fontId="11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11"/>
  </si>
  <si>
    <t>オークス　リハプライド荏原</t>
    <rPh sb="11" eb="13">
      <t>エバラ</t>
    </rPh>
    <phoneticPr fontId="11"/>
  </si>
  <si>
    <t>富山市向新庄214番地</t>
    <rPh sb="0" eb="3">
      <t>トヤマシ</t>
    </rPh>
    <rPh sb="3" eb="6">
      <t>ムカイシンジョウ</t>
    </rPh>
    <rPh sb="9" eb="11">
      <t>バンチ</t>
    </rPh>
    <phoneticPr fontId="11"/>
  </si>
  <si>
    <t>月岡</t>
    <rPh sb="0" eb="2">
      <t>ツキオカ</t>
    </rPh>
    <phoneticPr fontId="11"/>
  </si>
  <si>
    <t>富山市向新庄町一丁目７番２７号</t>
    <rPh sb="0" eb="3">
      <t>トヤマシ</t>
    </rPh>
    <rPh sb="3" eb="4">
      <t>ムカイ</t>
    </rPh>
    <rPh sb="4" eb="7">
      <t>シンジョウチョウ</t>
    </rPh>
    <rPh sb="7" eb="10">
      <t>イッチョウメ</t>
    </rPh>
    <rPh sb="11" eb="12">
      <t>バン</t>
    </rPh>
    <rPh sb="14" eb="15">
      <t>ゴウ</t>
    </rPh>
    <phoneticPr fontId="11"/>
  </si>
  <si>
    <t>デイサービス蒼の舎</t>
    <rPh sb="6" eb="7">
      <t>アオ</t>
    </rPh>
    <rPh sb="8" eb="9">
      <t>シャ</t>
    </rPh>
    <phoneticPr fontId="11"/>
  </si>
  <si>
    <t>萩浦</t>
    <rPh sb="0" eb="1">
      <t>ハギ</t>
    </rPh>
    <rPh sb="1" eb="2">
      <t>ウラ</t>
    </rPh>
    <phoneticPr fontId="11"/>
  </si>
  <si>
    <t>デイサービス　ひとと樹</t>
    <rPh sb="10" eb="11">
      <t>キ</t>
    </rPh>
    <phoneticPr fontId="11"/>
  </si>
  <si>
    <t>マキシ　和合</t>
    <rPh sb="4" eb="6">
      <t>ワゴウ</t>
    </rPh>
    <phoneticPr fontId="11"/>
  </si>
  <si>
    <t>富山市上冨居三丁目１２番３４号</t>
    <rPh sb="0" eb="3">
      <t>トヤマシ</t>
    </rPh>
    <rPh sb="3" eb="6">
      <t>カミフゴ</t>
    </rPh>
    <rPh sb="6" eb="9">
      <t>サンチョウメ</t>
    </rPh>
    <rPh sb="11" eb="12">
      <t>バン</t>
    </rPh>
    <rPh sb="14" eb="15">
      <t>ゴウ</t>
    </rPh>
    <phoneticPr fontId="11"/>
  </si>
  <si>
    <t>富山市八尾町福島１０１－１</t>
    <rPh sb="0" eb="3">
      <t>トヤマシ</t>
    </rPh>
    <rPh sb="3" eb="6">
      <t>ヤツオマチ</t>
    </rPh>
    <rPh sb="6" eb="8">
      <t>フクシマ</t>
    </rPh>
    <phoneticPr fontId="11"/>
  </si>
  <si>
    <t>富山市西大泉１７番１８号</t>
    <rPh sb="0" eb="3">
      <t>トヤマシ</t>
    </rPh>
    <rPh sb="3" eb="6">
      <t>ニシオオイズミ</t>
    </rPh>
    <rPh sb="8" eb="9">
      <t>バン</t>
    </rPh>
    <rPh sb="11" eb="12">
      <t>ゴウ</t>
    </rPh>
    <phoneticPr fontId="11"/>
  </si>
  <si>
    <t>富山市婦中町上轡田８０６番地１</t>
  </si>
  <si>
    <t>076-425-8789</t>
  </si>
  <si>
    <t>富山市森一丁目９番６号</t>
  </si>
  <si>
    <t>076-400-9647</t>
  </si>
  <si>
    <t>山室中部</t>
    <rPh sb="0" eb="2">
      <t>ヤマムロ</t>
    </rPh>
    <rPh sb="2" eb="4">
      <t>チュウブ</t>
    </rPh>
    <phoneticPr fontId="11"/>
  </si>
  <si>
    <t>富山市つばめ野二丁目78番地</t>
    <rPh sb="0" eb="3">
      <t>トヤマシ</t>
    </rPh>
    <rPh sb="6" eb="7">
      <t>ノ</t>
    </rPh>
    <rPh sb="7" eb="10">
      <t>2チョウメ</t>
    </rPh>
    <rPh sb="12" eb="14">
      <t>バンチ</t>
    </rPh>
    <phoneticPr fontId="13"/>
  </si>
  <si>
    <t>076-482-4375</t>
  </si>
  <si>
    <t>富山市五福5993番地１</t>
  </si>
  <si>
    <t>デイサービスリベル　富山１st</t>
  </si>
  <si>
    <t>1690100985
（1670114055）</t>
  </si>
  <si>
    <t>1690100894
(1670113875)</t>
  </si>
  <si>
    <t>1690100878
（1670113800）</t>
  </si>
  <si>
    <t>富山医療生活協同組合　
定期巡回・随時対応型訪問介護看護ひまわり</t>
    <rPh sb="24" eb="26">
      <t>カイゴ</t>
    </rPh>
    <phoneticPr fontId="2"/>
  </si>
  <si>
    <t>076-471-7485</t>
  </si>
  <si>
    <t>076-471-7486</t>
  </si>
  <si>
    <t>グループホームささづ苑つばさ</t>
  </si>
  <si>
    <t>令和8年1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6" x14ac:knownFonts="1">
    <font>
      <sz val="11"/>
      <name val="ＭＳ Ｐゴシック"/>
      <family val="3"/>
    </font>
    <font>
      <sz val="11"/>
      <color indexed="8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sz val="10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8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sz val="11"/>
      <color rgb="FF006100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5">
    <xf numFmtId="0" fontId="0" fillId="0" borderId="0"/>
    <xf numFmtId="0" fontId="1" fillId="0" borderId="0"/>
    <xf numFmtId="0" fontId="1" fillId="0" borderId="0"/>
    <xf numFmtId="38" fontId="6" fillId="0" borderId="0" applyFont="0" applyFill="0" applyBorder="0" applyAlignment="0" applyProtection="0"/>
    <xf numFmtId="0" fontId="8" fillId="0" borderId="0" applyNumberFormat="0" applyFill="0" applyBorder="0" applyAlignment="0" applyProtection="0">
      <alignment vertical="top"/>
      <protection locked="0"/>
    </xf>
  </cellStyleXfs>
  <cellXfs count="76">
    <xf numFmtId="0" fontId="0" fillId="0" borderId="0" xfId="0"/>
    <xf numFmtId="0" fontId="0" fillId="0" borderId="0" xfId="0" applyFont="1" applyFill="1"/>
    <xf numFmtId="0" fontId="3" fillId="0" borderId="0" xfId="0" applyFont="1" applyFill="1"/>
    <xf numFmtId="0" fontId="4" fillId="0" borderId="0" xfId="0" applyFont="1" applyFill="1"/>
    <xf numFmtId="0" fontId="0" fillId="0" borderId="0" xfId="0" applyFont="1" applyFill="1" applyAlignment="1">
      <alignment horizontal="center"/>
    </xf>
    <xf numFmtId="0" fontId="5" fillId="0" borderId="0" xfId="0" applyFont="1" applyFill="1"/>
    <xf numFmtId="0" fontId="0" fillId="0" borderId="0" xfId="0" applyFont="1" applyFill="1" applyAlignment="1">
      <alignment horizontal="center" shrinkToFit="1"/>
    </xf>
    <xf numFmtId="176" fontId="0" fillId="0" borderId="0" xfId="0" applyNumberFormat="1" applyFont="1" applyFill="1"/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5" xfId="0" quotePrefix="1" applyNumberFormat="1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7" xfId="0" applyFont="1" applyFill="1" applyBorder="1" applyAlignment="1">
      <alignment horizontal="center"/>
    </xf>
    <xf numFmtId="0" fontId="0" fillId="0" borderId="6" xfId="0" applyFont="1" applyFill="1" applyBorder="1"/>
    <xf numFmtId="38" fontId="0" fillId="0" borderId="7" xfId="3" applyFont="1" applyFill="1" applyBorder="1"/>
    <xf numFmtId="177" fontId="0" fillId="0" borderId="6" xfId="0" applyNumberFormat="1" applyFont="1" applyFill="1" applyBorder="1" applyAlignment="1">
      <alignment horizontal="left"/>
    </xf>
    <xf numFmtId="177" fontId="0" fillId="0" borderId="7" xfId="3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176" fontId="0" fillId="0" borderId="8" xfId="0" applyNumberFormat="1" applyFont="1" applyFill="1" applyBorder="1" applyAlignment="1">
      <alignment horizontal="center" shrinkToFit="1"/>
    </xf>
    <xf numFmtId="176" fontId="0" fillId="0" borderId="9" xfId="0" applyNumberFormat="1" applyFont="1" applyFill="1" applyBorder="1"/>
    <xf numFmtId="57" fontId="0" fillId="0" borderId="9" xfId="0" quotePrefix="1" applyNumberFormat="1" applyFont="1" applyFill="1" applyBorder="1"/>
    <xf numFmtId="57" fontId="0" fillId="0" borderId="10" xfId="0" quotePrefix="1" applyNumberFormat="1" applyFont="1" applyFill="1" applyBorder="1"/>
    <xf numFmtId="176" fontId="0" fillId="0" borderId="11" xfId="0" applyNumberFormat="1" applyFont="1" applyFill="1" applyBorder="1"/>
    <xf numFmtId="0" fontId="0" fillId="0" borderId="0" xfId="0" applyFont="1" applyFill="1" applyAlignment="1">
      <alignment horizontal="left"/>
    </xf>
    <xf numFmtId="0" fontId="0" fillId="0" borderId="0" xfId="0" applyFont="1" applyFill="1" applyAlignment="1">
      <alignment shrinkToFit="1"/>
    </xf>
    <xf numFmtId="0" fontId="0" fillId="0" borderId="0" xfId="0" applyFont="1" applyFill="1" applyAlignment="1">
      <alignment wrapText="1" shrinkToFit="1"/>
    </xf>
    <xf numFmtId="0" fontId="0" fillId="0" borderId="0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 wrapText="1"/>
    </xf>
    <xf numFmtId="0" fontId="7" fillId="0" borderId="5" xfId="0" applyFont="1" applyFill="1" applyBorder="1"/>
    <xf numFmtId="0" fontId="0" fillId="0" borderId="5" xfId="0" applyFont="1" applyFill="1" applyBorder="1" applyAlignment="1">
      <alignment wrapText="1" shrinkToFit="1"/>
    </xf>
    <xf numFmtId="38" fontId="0" fillId="0" borderId="7" xfId="3" applyFont="1" applyFill="1" applyBorder="1" applyAlignment="1">
      <alignment wrapText="1" shrinkToFit="1"/>
    </xf>
    <xf numFmtId="0" fontId="0" fillId="0" borderId="7" xfId="0" applyFont="1" applyFill="1" applyBorder="1" applyAlignment="1">
      <alignment shrinkToFit="1"/>
    </xf>
    <xf numFmtId="0" fontId="0" fillId="0" borderId="5" xfId="0" applyFont="1" applyFill="1" applyBorder="1" applyAlignment="1">
      <alignment horizontal="center" wrapText="1" shrinkToFit="1"/>
    </xf>
    <xf numFmtId="0" fontId="9" fillId="0" borderId="0" xfId="4" quotePrefix="1" applyNumberFormat="1" applyFont="1" applyFill="1" applyBorder="1" applyAlignment="1" applyProtection="1">
      <alignment shrinkToFit="1"/>
    </xf>
    <xf numFmtId="0" fontId="9" fillId="0" borderId="0" xfId="4" applyFont="1" applyFill="1" applyBorder="1" applyAlignment="1" applyProtection="1"/>
    <xf numFmtId="0" fontId="8" fillId="0" borderId="0" xfId="4" applyFill="1" applyBorder="1" applyAlignment="1" applyProtection="1"/>
    <xf numFmtId="0" fontId="0" fillId="0" borderId="5" xfId="1" applyFont="1" applyFill="1" applyBorder="1" applyAlignment="1">
      <alignment wrapText="1"/>
    </xf>
    <xf numFmtId="176" fontId="0" fillId="0" borderId="5" xfId="0" applyNumberFormat="1" applyFont="1" applyFill="1" applyBorder="1"/>
    <xf numFmtId="0" fontId="0" fillId="0" borderId="12" xfId="0" applyFont="1" applyFill="1" applyBorder="1"/>
    <xf numFmtId="0" fontId="0" fillId="0" borderId="13" xfId="0" applyFont="1" applyFill="1" applyBorder="1"/>
    <xf numFmtId="0" fontId="0" fillId="0" borderId="5" xfId="0" quotePrefix="1" applyNumberFormat="1" applyFont="1" applyFill="1" applyBorder="1" applyAlignment="1">
      <alignment shrinkToFit="1"/>
    </xf>
    <xf numFmtId="0" fontId="0" fillId="0" borderId="13" xfId="0" applyFont="1" applyFill="1" applyBorder="1" applyAlignment="1">
      <alignment horizontal="center" shrinkToFit="1"/>
    </xf>
    <xf numFmtId="0" fontId="0" fillId="0" borderId="13" xfId="2" applyFont="1" applyFill="1" applyBorder="1" applyAlignment="1">
      <alignment wrapText="1"/>
    </xf>
    <xf numFmtId="0" fontId="0" fillId="0" borderId="13" xfId="0" applyFont="1" applyFill="1" applyBorder="1" applyAlignment="1">
      <alignment shrinkToFit="1"/>
    </xf>
    <xf numFmtId="176" fontId="0" fillId="0" borderId="10" xfId="0" applyNumberFormat="1" applyFont="1" applyFill="1" applyBorder="1"/>
    <xf numFmtId="176" fontId="0" fillId="0" borderId="14" xfId="0" applyNumberFormat="1" applyFont="1" applyFill="1" applyBorder="1"/>
    <xf numFmtId="176" fontId="0" fillId="0" borderId="15" xfId="0" applyNumberFormat="1" applyFont="1" applyFill="1" applyBorder="1"/>
    <xf numFmtId="0" fontId="0" fillId="0" borderId="0" xfId="0" applyFont="1" applyFill="1" applyAlignment="1">
      <alignment wrapText="1"/>
    </xf>
    <xf numFmtId="0" fontId="0" fillId="0" borderId="7" xfId="2" applyFont="1" applyFill="1" applyBorder="1" applyAlignment="1">
      <alignment wrapText="1"/>
    </xf>
    <xf numFmtId="0" fontId="10" fillId="0" borderId="5" xfId="0" applyFont="1" applyFill="1" applyBorder="1" applyAlignment="1">
      <alignment horizontal="center" shrinkToFit="1"/>
    </xf>
    <xf numFmtId="38" fontId="0" fillId="0" borderId="5" xfId="3" applyFont="1" applyFill="1" applyBorder="1" applyAlignment="1">
      <alignment wrapText="1" shrinkToFit="1"/>
    </xf>
    <xf numFmtId="14" fontId="0" fillId="0" borderId="5" xfId="0" applyNumberFormat="1" applyFont="1" applyFill="1" applyBorder="1" applyAlignment="1">
      <alignment horizontal="center"/>
    </xf>
    <xf numFmtId="176" fontId="0" fillId="0" borderId="5" xfId="0" applyNumberFormat="1" applyFont="1" applyFill="1" applyBorder="1" applyAlignment="1">
      <alignment horizontal="center" shrinkToFit="1"/>
    </xf>
    <xf numFmtId="14" fontId="0" fillId="0" borderId="0" xfId="0" applyNumberFormat="1" applyFont="1" applyFill="1"/>
    <xf numFmtId="0" fontId="0" fillId="0" borderId="13" xfId="0" applyFont="1" applyFill="1" applyBorder="1" applyAlignment="1">
      <alignment horizontal="center"/>
    </xf>
    <xf numFmtId="0" fontId="10" fillId="0" borderId="4" xfId="0" applyFont="1" applyFill="1" applyBorder="1" applyAlignment="1">
      <alignment horizontal="center" shrinkToFit="1"/>
    </xf>
    <xf numFmtId="38" fontId="0" fillId="0" borderId="13" xfId="3" applyFont="1" applyFill="1" applyBorder="1"/>
    <xf numFmtId="177" fontId="0" fillId="0" borderId="13" xfId="3" applyNumberFormat="1" applyFont="1" applyFill="1" applyBorder="1" applyAlignment="1">
      <alignment horizontal="left"/>
    </xf>
    <xf numFmtId="176" fontId="0" fillId="0" borderId="16" xfId="0" applyNumberFormat="1" applyFont="1" applyFill="1" applyBorder="1"/>
    <xf numFmtId="57" fontId="0" fillId="0" borderId="9" xfId="0" applyNumberFormat="1" applyFont="1" applyFill="1" applyBorder="1"/>
    <xf numFmtId="0" fontId="0" fillId="0" borderId="11" xfId="0" applyFont="1" applyFill="1" applyBorder="1"/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0" xfId="0" applyFont="1" applyFill="1" applyAlignment="1"/>
  </cellXfs>
  <cellStyles count="5">
    <cellStyle name="ハイパーリンク" xfId="4" builtinId="8"/>
    <cellStyle name="桁区切り" xfId="3" builtinId="6"/>
    <cellStyle name="標準" xfId="0" builtinId="0"/>
    <cellStyle name="標準_H21年9月開所" xfId="1" xr:uid="{00000000-0005-0000-0000-000001000000}"/>
    <cellStyle name="標準_H22年4月開所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5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5" spans="2:7" ht="26.25" customHeight="1" x14ac:dyDescent="0.15">
      <c r="G5" s="4"/>
    </row>
    <row r="7" spans="2:7" ht="69" x14ac:dyDescent="0.6">
      <c r="B7" s="2" t="s">
        <v>792</v>
      </c>
    </row>
    <row r="8" spans="2:7" ht="69.599999999999994" customHeight="1" x14ac:dyDescent="0.5">
      <c r="B8" s="3" t="s">
        <v>793</v>
      </c>
    </row>
    <row r="12" spans="2:7" ht="42" x14ac:dyDescent="0.4">
      <c r="G12" s="5" t="s">
        <v>895</v>
      </c>
    </row>
  </sheetData>
  <phoneticPr fontId="2"/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9"/>
  </sheetPr>
  <dimension ref="A1:K16"/>
  <sheetViews>
    <sheetView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7.625" style="1" customWidth="1"/>
    <col min="4" max="5" width="7.625" style="1" customWidth="1"/>
    <col min="6" max="6" width="10.625" style="1" customWidth="1"/>
    <col min="7" max="7" width="29.5" style="1" customWidth="1"/>
    <col min="8" max="8" width="10.625" style="6" customWidth="1"/>
    <col min="9" max="10" width="15.625" style="1" customWidth="1"/>
    <col min="11" max="11" width="9.625" style="7" customWidth="1"/>
    <col min="12" max="16384" width="9" style="1"/>
  </cols>
  <sheetData>
    <row r="1" spans="1:11" s="6" customFormat="1" ht="37.35" customHeight="1" x14ac:dyDescent="0.15">
      <c r="A1" s="8"/>
      <c r="B1" s="11" t="s">
        <v>149</v>
      </c>
      <c r="C1" s="11" t="s">
        <v>169</v>
      </c>
      <c r="D1" s="72" t="s">
        <v>167</v>
      </c>
      <c r="E1" s="73"/>
      <c r="F1" s="11" t="s">
        <v>447</v>
      </c>
      <c r="G1" s="11" t="s">
        <v>162</v>
      </c>
      <c r="H1" s="11" t="s">
        <v>160</v>
      </c>
      <c r="I1" s="11" t="s">
        <v>157</v>
      </c>
      <c r="J1" s="11" t="s">
        <v>155</v>
      </c>
      <c r="K1" s="29" t="s">
        <v>150</v>
      </c>
    </row>
    <row r="2" spans="1:11" ht="26.25" customHeight="1" x14ac:dyDescent="0.15">
      <c r="A2" s="9">
        <v>1</v>
      </c>
      <c r="B2" s="12">
        <v>1690100126</v>
      </c>
      <c r="C2" s="16" t="s">
        <v>148</v>
      </c>
      <c r="D2" s="16">
        <v>29</v>
      </c>
      <c r="E2" s="18">
        <v>29</v>
      </c>
      <c r="F2" s="12">
        <v>9398194</v>
      </c>
      <c r="G2" s="16" t="s">
        <v>147</v>
      </c>
      <c r="H2" s="26" t="s">
        <v>145</v>
      </c>
      <c r="I2" s="12" t="s">
        <v>144</v>
      </c>
      <c r="J2" s="12" t="s">
        <v>142</v>
      </c>
      <c r="K2" s="30">
        <v>39448</v>
      </c>
    </row>
    <row r="3" spans="1:11" ht="26.25" customHeight="1" x14ac:dyDescent="0.15">
      <c r="A3" s="9">
        <v>2</v>
      </c>
      <c r="B3" s="12">
        <v>1690100233</v>
      </c>
      <c r="C3" s="16" t="s">
        <v>141</v>
      </c>
      <c r="D3" s="16">
        <v>29</v>
      </c>
      <c r="E3" s="18">
        <v>29</v>
      </c>
      <c r="F3" s="12">
        <v>9300821</v>
      </c>
      <c r="G3" s="16" t="s">
        <v>24</v>
      </c>
      <c r="H3" s="26" t="s">
        <v>139</v>
      </c>
      <c r="I3" s="12" t="s">
        <v>49</v>
      </c>
      <c r="J3" s="12" t="s">
        <v>125</v>
      </c>
      <c r="K3" s="30">
        <v>39600</v>
      </c>
    </row>
    <row r="4" spans="1:11" ht="26.25" customHeight="1" x14ac:dyDescent="0.15">
      <c r="A4" s="9">
        <v>3</v>
      </c>
      <c r="B4" s="13">
        <v>1690100423</v>
      </c>
      <c r="C4" s="17" t="s">
        <v>138</v>
      </c>
      <c r="D4" s="16">
        <v>20</v>
      </c>
      <c r="E4" s="18">
        <v>20</v>
      </c>
      <c r="F4" s="13">
        <v>9398185</v>
      </c>
      <c r="G4" s="17" t="s">
        <v>131</v>
      </c>
      <c r="H4" s="26" t="s">
        <v>136</v>
      </c>
      <c r="I4" s="13" t="s">
        <v>66</v>
      </c>
      <c r="J4" s="13" t="s">
        <v>130</v>
      </c>
      <c r="K4" s="30">
        <v>40634</v>
      </c>
    </row>
    <row r="5" spans="1:11" ht="26.25" customHeight="1" x14ac:dyDescent="0.15">
      <c r="A5" s="9">
        <v>4</v>
      </c>
      <c r="B5" s="13">
        <v>1690100456</v>
      </c>
      <c r="C5" s="17" t="s">
        <v>129</v>
      </c>
      <c r="D5" s="16">
        <v>20</v>
      </c>
      <c r="E5" s="18">
        <v>20</v>
      </c>
      <c r="F5" s="13">
        <v>9393515</v>
      </c>
      <c r="G5" s="17" t="s">
        <v>50</v>
      </c>
      <c r="H5" s="26" t="s">
        <v>126</v>
      </c>
      <c r="I5" s="13" t="s">
        <v>120</v>
      </c>
      <c r="J5" s="13" t="s">
        <v>53</v>
      </c>
      <c r="K5" s="30">
        <v>40634</v>
      </c>
    </row>
    <row r="6" spans="1:11" ht="26.25" customHeight="1" x14ac:dyDescent="0.15">
      <c r="A6" s="9">
        <v>5</v>
      </c>
      <c r="B6" s="13">
        <v>1690100514</v>
      </c>
      <c r="C6" s="17" t="s">
        <v>113</v>
      </c>
      <c r="D6" s="16">
        <v>20</v>
      </c>
      <c r="E6" s="18">
        <v>20</v>
      </c>
      <c r="F6" s="13">
        <v>9398202</v>
      </c>
      <c r="G6" s="17" t="s">
        <v>67</v>
      </c>
      <c r="H6" s="26" t="s">
        <v>119</v>
      </c>
      <c r="I6" s="13" t="s">
        <v>19</v>
      </c>
      <c r="J6" s="13" t="s">
        <v>62</v>
      </c>
      <c r="K6" s="30">
        <v>40634</v>
      </c>
    </row>
    <row r="7" spans="1:11" ht="26.25" customHeight="1" x14ac:dyDescent="0.15">
      <c r="A7" s="9">
        <v>6</v>
      </c>
      <c r="B7" s="13">
        <v>1690100555</v>
      </c>
      <c r="C7" s="17" t="s">
        <v>30</v>
      </c>
      <c r="D7" s="16">
        <v>20</v>
      </c>
      <c r="E7" s="18">
        <v>20</v>
      </c>
      <c r="F7" s="13">
        <v>9318325</v>
      </c>
      <c r="G7" s="17" t="s">
        <v>116</v>
      </c>
      <c r="H7" s="26" t="s">
        <v>6</v>
      </c>
      <c r="I7" s="13" t="s">
        <v>44</v>
      </c>
      <c r="J7" s="13" t="s">
        <v>32</v>
      </c>
      <c r="K7" s="30">
        <v>40634</v>
      </c>
    </row>
    <row r="8" spans="1:11" ht="26.25" customHeight="1" x14ac:dyDescent="0.15">
      <c r="A8" s="9">
        <v>7</v>
      </c>
      <c r="B8" s="13">
        <v>1690100613</v>
      </c>
      <c r="C8" s="17" t="s">
        <v>75</v>
      </c>
      <c r="D8" s="16">
        <v>20</v>
      </c>
      <c r="E8" s="18">
        <v>20</v>
      </c>
      <c r="F8" s="13">
        <v>9300166</v>
      </c>
      <c r="G8" s="17" t="s">
        <v>27</v>
      </c>
      <c r="H8" s="26" t="s">
        <v>21</v>
      </c>
      <c r="I8" s="13" t="s">
        <v>0</v>
      </c>
      <c r="J8" s="13" t="s">
        <v>110</v>
      </c>
      <c r="K8" s="30">
        <v>40664</v>
      </c>
    </row>
    <row r="9" spans="1:11" ht="26.25" customHeight="1" x14ac:dyDescent="0.15">
      <c r="A9" s="9">
        <v>8</v>
      </c>
      <c r="B9" s="13">
        <v>1690100803</v>
      </c>
      <c r="C9" s="18" t="s">
        <v>65</v>
      </c>
      <c r="D9" s="16">
        <v>29</v>
      </c>
      <c r="E9" s="18">
        <v>29</v>
      </c>
      <c r="F9" s="13">
        <v>9300992</v>
      </c>
      <c r="G9" s="16" t="s">
        <v>107</v>
      </c>
      <c r="H9" s="12" t="s">
        <v>105</v>
      </c>
      <c r="I9" s="26" t="s">
        <v>99</v>
      </c>
      <c r="J9" s="13" t="s">
        <v>94</v>
      </c>
      <c r="K9" s="31">
        <v>41730</v>
      </c>
    </row>
    <row r="10" spans="1:11" ht="26.25" customHeight="1" x14ac:dyDescent="0.15">
      <c r="A10" s="9">
        <v>9</v>
      </c>
      <c r="B10" s="13">
        <v>1690100753</v>
      </c>
      <c r="C10" s="18" t="s">
        <v>93</v>
      </c>
      <c r="D10" s="16">
        <v>22</v>
      </c>
      <c r="E10" s="18">
        <v>22</v>
      </c>
      <c r="F10" s="13">
        <v>9392226</v>
      </c>
      <c r="G10" s="16" t="s">
        <v>39</v>
      </c>
      <c r="H10" s="12" t="s">
        <v>70</v>
      </c>
      <c r="I10" s="26" t="s">
        <v>90</v>
      </c>
      <c r="J10" s="13" t="s">
        <v>89</v>
      </c>
      <c r="K10" s="31">
        <v>41730</v>
      </c>
    </row>
    <row r="11" spans="1:11" ht="26.25" customHeight="1" x14ac:dyDescent="0.15">
      <c r="A11" s="9">
        <v>10</v>
      </c>
      <c r="B11" s="13">
        <v>1690100852</v>
      </c>
      <c r="C11" s="18" t="s">
        <v>35</v>
      </c>
      <c r="D11" s="16">
        <v>29</v>
      </c>
      <c r="E11" s="18">
        <v>29</v>
      </c>
      <c r="F11" s="13">
        <v>9398045</v>
      </c>
      <c r="G11" s="16" t="s">
        <v>85</v>
      </c>
      <c r="H11" s="27" t="s">
        <v>59</v>
      </c>
      <c r="I11" s="26" t="s">
        <v>84</v>
      </c>
      <c r="J11" s="13" t="s">
        <v>83</v>
      </c>
      <c r="K11" s="31">
        <v>42583</v>
      </c>
    </row>
    <row r="12" spans="1:11" ht="26.25" customHeight="1" x14ac:dyDescent="0.15">
      <c r="A12" s="9">
        <v>11</v>
      </c>
      <c r="B12" s="12" t="s">
        <v>45</v>
      </c>
      <c r="C12" s="19" t="s">
        <v>77</v>
      </c>
      <c r="D12" s="16">
        <v>29</v>
      </c>
      <c r="E12" s="18">
        <v>29</v>
      </c>
      <c r="F12" s="12" t="s">
        <v>78</v>
      </c>
      <c r="G12" s="16" t="s">
        <v>71</v>
      </c>
      <c r="H12" s="12" t="s">
        <v>70</v>
      </c>
      <c r="I12" s="12" t="s">
        <v>14</v>
      </c>
      <c r="J12" s="12" t="s">
        <v>12</v>
      </c>
      <c r="K12" s="31">
        <v>42948</v>
      </c>
    </row>
    <row r="13" spans="1:11" ht="26.25" customHeight="1" x14ac:dyDescent="0.15">
      <c r="A13" s="9">
        <v>12</v>
      </c>
      <c r="B13" s="14">
        <v>1690101066</v>
      </c>
      <c r="C13" s="20" t="s">
        <v>68</v>
      </c>
      <c r="D13" s="22">
        <v>29</v>
      </c>
      <c r="E13" s="18">
        <v>29</v>
      </c>
      <c r="F13" s="14">
        <v>9398072</v>
      </c>
      <c r="G13" s="22" t="s">
        <v>60</v>
      </c>
      <c r="H13" s="14" t="s">
        <v>59</v>
      </c>
      <c r="I13" s="14" t="s">
        <v>56</v>
      </c>
      <c r="J13" s="14" t="s">
        <v>55</v>
      </c>
      <c r="K13" s="32">
        <v>43221</v>
      </c>
    </row>
    <row r="14" spans="1:11" ht="26.25" customHeight="1" x14ac:dyDescent="0.15">
      <c r="A14" s="9">
        <v>13</v>
      </c>
      <c r="B14" s="14">
        <v>1690101132</v>
      </c>
      <c r="C14" s="20" t="s">
        <v>46</v>
      </c>
      <c r="D14" s="22">
        <v>29</v>
      </c>
      <c r="E14" s="24">
        <v>29</v>
      </c>
      <c r="F14" s="14">
        <v>9301328</v>
      </c>
      <c r="G14" s="22" t="s">
        <v>40</v>
      </c>
      <c r="H14" s="14" t="s">
        <v>36</v>
      </c>
      <c r="I14" s="14" t="s">
        <v>20</v>
      </c>
      <c r="J14" s="14" t="s">
        <v>5</v>
      </c>
      <c r="K14" s="32">
        <v>43525</v>
      </c>
    </row>
    <row r="15" spans="1:11" ht="26.25" customHeight="1" x14ac:dyDescent="0.15">
      <c r="A15" s="9">
        <v>14</v>
      </c>
      <c r="B15" s="14">
        <v>1690101157</v>
      </c>
      <c r="C15" s="20" t="s">
        <v>13</v>
      </c>
      <c r="D15" s="22">
        <v>29</v>
      </c>
      <c r="E15" s="24">
        <v>29</v>
      </c>
      <c r="F15" s="14">
        <v>9300171</v>
      </c>
      <c r="G15" s="22" t="s">
        <v>34</v>
      </c>
      <c r="H15" s="14" t="s">
        <v>21</v>
      </c>
      <c r="I15" s="14" t="s">
        <v>16</v>
      </c>
      <c r="J15" s="14" t="s">
        <v>8</v>
      </c>
      <c r="K15" s="32">
        <v>43556</v>
      </c>
    </row>
    <row r="16" spans="1:11" ht="26.25" customHeight="1" x14ac:dyDescent="0.15">
      <c r="A16" s="10"/>
      <c r="B16" s="15"/>
      <c r="C16" s="21" t="s">
        <v>4</v>
      </c>
      <c r="D16" s="23">
        <f>SUM(D2:D15)</f>
        <v>354</v>
      </c>
      <c r="E16" s="25">
        <f>SUM(E2:E15)</f>
        <v>354</v>
      </c>
      <c r="F16" s="21"/>
      <c r="G16" s="15"/>
      <c r="H16" s="28"/>
      <c r="I16" s="15"/>
      <c r="J16" s="15"/>
      <c r="K16" s="33"/>
    </row>
  </sheetData>
  <mergeCells count="1">
    <mergeCell ref="D1:E1"/>
  </mergeCells>
  <phoneticPr fontId="2"/>
  <printOptions horizontalCentered="1"/>
  <pageMargins left="0.55118110236220474" right="0.35433070866141736" top="0.78740157480314965" bottom="0.39370078740157483" header="0.51181102362204722" footer="0.19685039370078741"/>
  <pageSetup paperSize="9" scale="90" orientation="landscape" r:id="rId1"/>
  <headerFooter alignWithMargins="0">
    <oddHeader>&amp;C&amp;14地域密着型介護老人福祉施設一覧</oddHeader>
    <oddFooter xml:space="preserve">&amp;C&amp;P&amp;R(&amp;A)
</oddFooter>
  </headerFooter>
  <ignoredErrors>
    <ignoredError sqref="B12 F12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/>
    <pageSetUpPr fitToPage="1"/>
  </sheetPr>
  <dimension ref="A1:M94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34" customWidth="1"/>
    <col min="3" max="3" width="37.625" style="35" customWidth="1"/>
    <col min="4" max="4" width="7.625" style="36" customWidth="1"/>
    <col min="5" max="5" width="10.625" style="1" customWidth="1"/>
    <col min="6" max="6" width="47.625" style="35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37" customFormat="1" ht="37.35" customHeight="1" x14ac:dyDescent="0.15">
      <c r="A1" s="8"/>
      <c r="B1" s="11" t="s">
        <v>149</v>
      </c>
      <c r="C1" s="11" t="s">
        <v>169</v>
      </c>
      <c r="D1" s="11" t="s">
        <v>720</v>
      </c>
      <c r="E1" s="11" t="s">
        <v>447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70100351</v>
      </c>
      <c r="C2" s="16" t="s">
        <v>627</v>
      </c>
      <c r="D2" s="16">
        <v>18</v>
      </c>
      <c r="E2" s="12" t="s">
        <v>624</v>
      </c>
      <c r="F2" s="16" t="s">
        <v>558</v>
      </c>
      <c r="G2" s="43" t="s">
        <v>223</v>
      </c>
      <c r="H2" s="12" t="s">
        <v>171</v>
      </c>
      <c r="I2" s="12" t="s">
        <v>171</v>
      </c>
      <c r="J2" s="12" t="s">
        <v>623</v>
      </c>
      <c r="K2" s="12" t="s">
        <v>623</v>
      </c>
      <c r="L2" s="30">
        <v>42461</v>
      </c>
    </row>
    <row r="3" spans="1:12" ht="26.25" customHeight="1" x14ac:dyDescent="0.15">
      <c r="A3" s="9">
        <v>2</v>
      </c>
      <c r="B3" s="12">
        <v>1670100369</v>
      </c>
      <c r="C3" s="19" t="s">
        <v>621</v>
      </c>
      <c r="D3" s="16">
        <v>10</v>
      </c>
      <c r="E3" s="12" t="s">
        <v>618</v>
      </c>
      <c r="F3" s="16" t="s">
        <v>616</v>
      </c>
      <c r="G3" s="12" t="s">
        <v>213</v>
      </c>
      <c r="H3" s="12" t="s">
        <v>171</v>
      </c>
      <c r="I3" s="12" t="s">
        <v>171</v>
      </c>
      <c r="J3" s="12" t="s">
        <v>614</v>
      </c>
      <c r="K3" s="12" t="s">
        <v>611</v>
      </c>
      <c r="L3" s="30">
        <v>42461</v>
      </c>
    </row>
    <row r="4" spans="1:12" ht="26.25" customHeight="1" x14ac:dyDescent="0.15">
      <c r="A4" s="9">
        <v>3</v>
      </c>
      <c r="B4" s="12">
        <v>1670101631</v>
      </c>
      <c r="C4" s="16" t="s">
        <v>475</v>
      </c>
      <c r="D4" s="16">
        <v>18</v>
      </c>
      <c r="E4" s="12" t="s">
        <v>91</v>
      </c>
      <c r="F4" s="16" t="s">
        <v>132</v>
      </c>
      <c r="G4" s="12" t="s">
        <v>112</v>
      </c>
      <c r="H4" s="12" t="s">
        <v>171</v>
      </c>
      <c r="I4" s="12" t="s">
        <v>171</v>
      </c>
      <c r="J4" s="12" t="s">
        <v>610</v>
      </c>
      <c r="K4" s="12" t="s">
        <v>557</v>
      </c>
      <c r="L4" s="30">
        <v>42461</v>
      </c>
    </row>
    <row r="5" spans="1:12" ht="26.25" customHeight="1" x14ac:dyDescent="0.15">
      <c r="A5" s="9">
        <v>4</v>
      </c>
      <c r="B5" s="12">
        <v>1670102001</v>
      </c>
      <c r="C5" s="16" t="s">
        <v>609</v>
      </c>
      <c r="D5" s="16">
        <v>10</v>
      </c>
      <c r="E5" s="12" t="s">
        <v>307</v>
      </c>
      <c r="F5" s="16" t="s">
        <v>427</v>
      </c>
      <c r="G5" s="12" t="s">
        <v>595</v>
      </c>
      <c r="H5" s="12" t="s">
        <v>171</v>
      </c>
      <c r="I5" s="12" t="s">
        <v>171</v>
      </c>
      <c r="J5" s="12" t="s">
        <v>608</v>
      </c>
      <c r="K5" s="12" t="s">
        <v>606</v>
      </c>
      <c r="L5" s="30">
        <v>42461</v>
      </c>
    </row>
    <row r="6" spans="1:12" ht="26.25" customHeight="1" x14ac:dyDescent="0.15">
      <c r="A6" s="9">
        <v>5</v>
      </c>
      <c r="B6" s="12">
        <v>1670102043</v>
      </c>
      <c r="C6" s="16" t="s">
        <v>42</v>
      </c>
      <c r="D6" s="16">
        <v>18</v>
      </c>
      <c r="E6" s="12" t="s">
        <v>103</v>
      </c>
      <c r="F6" s="16" t="s">
        <v>605</v>
      </c>
      <c r="G6" s="12" t="s">
        <v>396</v>
      </c>
      <c r="H6" s="12" t="s">
        <v>171</v>
      </c>
      <c r="I6" s="12" t="s">
        <v>171</v>
      </c>
      <c r="J6" s="12" t="s">
        <v>209</v>
      </c>
      <c r="K6" s="12" t="s">
        <v>361</v>
      </c>
      <c r="L6" s="30">
        <v>42461</v>
      </c>
    </row>
    <row r="7" spans="1:12" ht="26.25" customHeight="1" x14ac:dyDescent="0.15">
      <c r="A7" s="9">
        <v>6</v>
      </c>
      <c r="B7" s="12">
        <v>1670102217</v>
      </c>
      <c r="C7" s="16" t="s">
        <v>604</v>
      </c>
      <c r="D7" s="16">
        <v>18</v>
      </c>
      <c r="E7" s="12" t="s">
        <v>386</v>
      </c>
      <c r="F7" s="16" t="s">
        <v>102</v>
      </c>
      <c r="G7" s="12" t="s">
        <v>322</v>
      </c>
      <c r="H7" s="12" t="s">
        <v>171</v>
      </c>
      <c r="I7" s="12" t="s">
        <v>171</v>
      </c>
      <c r="J7" s="12" t="s">
        <v>174</v>
      </c>
      <c r="K7" s="12" t="s">
        <v>603</v>
      </c>
      <c r="L7" s="30">
        <v>42461</v>
      </c>
    </row>
    <row r="8" spans="1:12" ht="26.25" customHeight="1" x14ac:dyDescent="0.15">
      <c r="A8" s="9">
        <v>7</v>
      </c>
      <c r="B8" s="12">
        <v>1670102415</v>
      </c>
      <c r="C8" s="16" t="s">
        <v>282</v>
      </c>
      <c r="D8" s="16">
        <v>18</v>
      </c>
      <c r="E8" s="12" t="s">
        <v>601</v>
      </c>
      <c r="F8" s="16" t="s">
        <v>600</v>
      </c>
      <c r="G8" s="12" t="s">
        <v>322</v>
      </c>
      <c r="H8" s="12" t="s">
        <v>171</v>
      </c>
      <c r="I8" s="12" t="s">
        <v>171</v>
      </c>
      <c r="J8" s="12" t="s">
        <v>211</v>
      </c>
      <c r="K8" s="12" t="s">
        <v>512</v>
      </c>
      <c r="L8" s="30">
        <v>42461</v>
      </c>
    </row>
    <row r="9" spans="1:12" ht="26.25" customHeight="1" x14ac:dyDescent="0.15">
      <c r="A9" s="9">
        <v>8</v>
      </c>
      <c r="B9" s="12">
        <v>1670102464</v>
      </c>
      <c r="C9" s="16" t="s">
        <v>414</v>
      </c>
      <c r="D9" s="16">
        <v>18</v>
      </c>
      <c r="E9" s="12" t="s">
        <v>133</v>
      </c>
      <c r="F9" s="16" t="s">
        <v>599</v>
      </c>
      <c r="G9" s="12" t="s">
        <v>223</v>
      </c>
      <c r="H9" s="12" t="s">
        <v>171</v>
      </c>
      <c r="I9" s="12" t="s">
        <v>171</v>
      </c>
      <c r="J9" s="12" t="s">
        <v>388</v>
      </c>
      <c r="K9" s="12" t="s">
        <v>399</v>
      </c>
      <c r="L9" s="30">
        <v>42461</v>
      </c>
    </row>
    <row r="10" spans="1:12" ht="26.25" customHeight="1" x14ac:dyDescent="0.15">
      <c r="A10" s="9">
        <v>9</v>
      </c>
      <c r="B10" s="12">
        <v>1670102472</v>
      </c>
      <c r="C10" s="16" t="s">
        <v>426</v>
      </c>
      <c r="D10" s="16">
        <v>18</v>
      </c>
      <c r="E10" s="12" t="s">
        <v>597</v>
      </c>
      <c r="F10" s="16" t="s">
        <v>596</v>
      </c>
      <c r="G10" s="12" t="s">
        <v>595</v>
      </c>
      <c r="H10" s="12" t="s">
        <v>171</v>
      </c>
      <c r="I10" s="12" t="s">
        <v>171</v>
      </c>
      <c r="J10" s="12" t="s">
        <v>592</v>
      </c>
      <c r="K10" s="12" t="s">
        <v>363</v>
      </c>
      <c r="L10" s="30">
        <v>42461</v>
      </c>
    </row>
    <row r="11" spans="1:12" ht="26.25" customHeight="1" x14ac:dyDescent="0.15">
      <c r="A11" s="9">
        <v>10</v>
      </c>
      <c r="B11" s="12">
        <v>1670102779</v>
      </c>
      <c r="C11" s="16" t="s">
        <v>502</v>
      </c>
      <c r="D11" s="16">
        <v>15</v>
      </c>
      <c r="E11" s="12" t="s">
        <v>208</v>
      </c>
      <c r="F11" s="16" t="s">
        <v>591</v>
      </c>
      <c r="G11" s="12" t="s">
        <v>589</v>
      </c>
      <c r="H11" s="12" t="s">
        <v>171</v>
      </c>
      <c r="I11" s="12" t="s">
        <v>171</v>
      </c>
      <c r="J11" s="12" t="s">
        <v>588</v>
      </c>
      <c r="K11" s="12" t="s">
        <v>537</v>
      </c>
      <c r="L11" s="30">
        <v>42461</v>
      </c>
    </row>
    <row r="12" spans="1:12" ht="26.25" customHeight="1" x14ac:dyDescent="0.15">
      <c r="A12" s="9">
        <v>11</v>
      </c>
      <c r="B12" s="12">
        <v>1670102860</v>
      </c>
      <c r="C12" s="16" t="s">
        <v>292</v>
      </c>
      <c r="D12" s="16">
        <v>18</v>
      </c>
      <c r="E12" s="12" t="s">
        <v>580</v>
      </c>
      <c r="F12" s="16" t="s">
        <v>562</v>
      </c>
      <c r="G12" s="12" t="s">
        <v>237</v>
      </c>
      <c r="H12" s="12" t="s">
        <v>171</v>
      </c>
      <c r="I12" s="12" t="s">
        <v>171</v>
      </c>
      <c r="J12" s="12" t="s">
        <v>460</v>
      </c>
      <c r="K12" s="12" t="s">
        <v>451</v>
      </c>
      <c r="L12" s="30">
        <v>42461</v>
      </c>
    </row>
    <row r="13" spans="1:12" ht="26.25" customHeight="1" x14ac:dyDescent="0.15">
      <c r="A13" s="9">
        <v>12</v>
      </c>
      <c r="B13" s="12">
        <v>1670103256</v>
      </c>
      <c r="C13" s="16" t="s">
        <v>587</v>
      </c>
      <c r="D13" s="16">
        <v>10</v>
      </c>
      <c r="E13" s="12" t="s">
        <v>586</v>
      </c>
      <c r="F13" s="16" t="s">
        <v>584</v>
      </c>
      <c r="G13" s="12" t="s">
        <v>37</v>
      </c>
      <c r="H13" s="12" t="s">
        <v>171</v>
      </c>
      <c r="I13" s="12" t="s">
        <v>171</v>
      </c>
      <c r="J13" s="12" t="s">
        <v>188</v>
      </c>
      <c r="K13" s="12" t="s">
        <v>188</v>
      </c>
      <c r="L13" s="30">
        <v>42461</v>
      </c>
    </row>
    <row r="14" spans="1:12" ht="26.25" customHeight="1" x14ac:dyDescent="0.15">
      <c r="A14" s="9">
        <v>13</v>
      </c>
      <c r="B14" s="12">
        <v>1670103371</v>
      </c>
      <c r="C14" s="16" t="s">
        <v>583</v>
      </c>
      <c r="D14" s="16">
        <v>10</v>
      </c>
      <c r="E14" s="12" t="s">
        <v>582</v>
      </c>
      <c r="F14" s="16" t="s">
        <v>800</v>
      </c>
      <c r="G14" s="12" t="s">
        <v>37</v>
      </c>
      <c r="H14" s="12" t="s">
        <v>171</v>
      </c>
      <c r="I14" s="12" t="s">
        <v>171</v>
      </c>
      <c r="J14" s="12" t="s">
        <v>579</v>
      </c>
      <c r="K14" s="12" t="s">
        <v>101</v>
      </c>
      <c r="L14" s="30">
        <v>42461</v>
      </c>
    </row>
    <row r="15" spans="1:12" ht="26.25" customHeight="1" x14ac:dyDescent="0.15">
      <c r="A15" s="9">
        <v>14</v>
      </c>
      <c r="B15" s="12">
        <v>1670103488</v>
      </c>
      <c r="C15" s="16" t="s">
        <v>33</v>
      </c>
      <c r="D15" s="16">
        <v>18</v>
      </c>
      <c r="E15" s="12" t="s">
        <v>232</v>
      </c>
      <c r="F15" s="16" t="s">
        <v>578</v>
      </c>
      <c r="G15" s="12" t="s">
        <v>112</v>
      </c>
      <c r="H15" s="12" t="s">
        <v>171</v>
      </c>
      <c r="I15" s="12" t="s">
        <v>171</v>
      </c>
      <c r="J15" s="12" t="s">
        <v>576</v>
      </c>
      <c r="K15" s="12" t="s">
        <v>575</v>
      </c>
      <c r="L15" s="30">
        <v>42461</v>
      </c>
    </row>
    <row r="16" spans="1:12" ht="26.25" customHeight="1" x14ac:dyDescent="0.15">
      <c r="A16" s="9">
        <v>15</v>
      </c>
      <c r="B16" s="12">
        <v>1670103934</v>
      </c>
      <c r="C16" s="16" t="s">
        <v>242</v>
      </c>
      <c r="D16" s="16">
        <v>10</v>
      </c>
      <c r="E16" s="12" t="s">
        <v>503</v>
      </c>
      <c r="F16" s="16" t="s">
        <v>574</v>
      </c>
      <c r="G16" s="12" t="s">
        <v>473</v>
      </c>
      <c r="H16" s="12" t="s">
        <v>171</v>
      </c>
      <c r="I16" s="12" t="s">
        <v>234</v>
      </c>
      <c r="J16" s="12" t="s">
        <v>1</v>
      </c>
      <c r="K16" s="12" t="s">
        <v>573</v>
      </c>
      <c r="L16" s="30">
        <v>42461</v>
      </c>
    </row>
    <row r="17" spans="1:12" ht="26.25" customHeight="1" x14ac:dyDescent="0.15">
      <c r="A17" s="9">
        <v>16</v>
      </c>
      <c r="B17" s="12">
        <v>1670104056</v>
      </c>
      <c r="C17" s="16" t="s">
        <v>572</v>
      </c>
      <c r="D17" s="16">
        <v>18</v>
      </c>
      <c r="E17" s="12" t="s">
        <v>469</v>
      </c>
      <c r="F17" s="16" t="s">
        <v>571</v>
      </c>
      <c r="G17" s="12" t="s">
        <v>304</v>
      </c>
      <c r="H17" s="12" t="s">
        <v>171</v>
      </c>
      <c r="I17" s="12" t="s">
        <v>171</v>
      </c>
      <c r="J17" s="12" t="s">
        <v>63</v>
      </c>
      <c r="K17" s="12" t="s">
        <v>569</v>
      </c>
      <c r="L17" s="30">
        <v>42461</v>
      </c>
    </row>
    <row r="18" spans="1:12" ht="26.25" customHeight="1" x14ac:dyDescent="0.15">
      <c r="A18" s="9">
        <v>17</v>
      </c>
      <c r="B18" s="12">
        <v>1670104106</v>
      </c>
      <c r="C18" s="16" t="s">
        <v>570</v>
      </c>
      <c r="D18" s="16">
        <v>10</v>
      </c>
      <c r="E18" s="12" t="s">
        <v>567</v>
      </c>
      <c r="F18" s="16" t="s">
        <v>566</v>
      </c>
      <c r="G18" s="12" t="s">
        <v>238</v>
      </c>
      <c r="H18" s="12" t="s">
        <v>171</v>
      </c>
      <c r="I18" s="12" t="s">
        <v>171</v>
      </c>
      <c r="J18" s="12" t="s">
        <v>565</v>
      </c>
      <c r="K18" s="12" t="s">
        <v>565</v>
      </c>
      <c r="L18" s="30">
        <v>42461</v>
      </c>
    </row>
    <row r="19" spans="1:12" ht="26.25" customHeight="1" x14ac:dyDescent="0.15">
      <c r="A19" s="9">
        <v>18</v>
      </c>
      <c r="B19" s="12">
        <v>1670104510</v>
      </c>
      <c r="C19" s="16" t="s">
        <v>564</v>
      </c>
      <c r="D19" s="16">
        <v>10</v>
      </c>
      <c r="E19" s="12" t="s">
        <v>563</v>
      </c>
      <c r="F19" s="16" t="s">
        <v>561</v>
      </c>
      <c r="G19" s="12" t="s">
        <v>560</v>
      </c>
      <c r="H19" s="12" t="s">
        <v>171</v>
      </c>
      <c r="I19" s="12" t="s">
        <v>171</v>
      </c>
      <c r="J19" s="12" t="s">
        <v>559</v>
      </c>
      <c r="K19" s="12" t="s">
        <v>556</v>
      </c>
      <c r="L19" s="30">
        <v>42461</v>
      </c>
    </row>
    <row r="20" spans="1:12" ht="26.25" customHeight="1" x14ac:dyDescent="0.15">
      <c r="A20" s="9">
        <v>19</v>
      </c>
      <c r="B20" s="12">
        <v>1670104791</v>
      </c>
      <c r="C20" s="16" t="s">
        <v>534</v>
      </c>
      <c r="D20" s="16">
        <v>14</v>
      </c>
      <c r="E20" s="12" t="s">
        <v>554</v>
      </c>
      <c r="F20" s="16" t="s">
        <v>193</v>
      </c>
      <c r="G20" s="12" t="s">
        <v>453</v>
      </c>
      <c r="H20" s="12" t="s">
        <v>171</v>
      </c>
      <c r="I20" s="12" t="s">
        <v>171</v>
      </c>
      <c r="J20" s="12" t="s">
        <v>553</v>
      </c>
      <c r="K20" s="12" t="s">
        <v>486</v>
      </c>
      <c r="L20" s="30">
        <v>42461</v>
      </c>
    </row>
    <row r="21" spans="1:12" ht="26.25" customHeight="1" x14ac:dyDescent="0.15">
      <c r="A21" s="9">
        <v>20</v>
      </c>
      <c r="B21" s="12">
        <v>1670104957</v>
      </c>
      <c r="C21" s="16" t="s">
        <v>346</v>
      </c>
      <c r="D21" s="16">
        <v>18</v>
      </c>
      <c r="E21" s="12" t="s">
        <v>88</v>
      </c>
      <c r="F21" s="16" t="s">
        <v>184</v>
      </c>
      <c r="G21" s="12" t="s">
        <v>80</v>
      </c>
      <c r="H21" s="12" t="s">
        <v>171</v>
      </c>
      <c r="I21" s="12" t="s">
        <v>171</v>
      </c>
      <c r="J21" s="12" t="s">
        <v>443</v>
      </c>
      <c r="K21" s="12" t="s">
        <v>378</v>
      </c>
      <c r="L21" s="30">
        <v>42461</v>
      </c>
    </row>
    <row r="22" spans="1:12" ht="26.25" customHeight="1" x14ac:dyDescent="0.15">
      <c r="A22" s="9">
        <v>21</v>
      </c>
      <c r="B22" s="12">
        <v>1670104973</v>
      </c>
      <c r="C22" s="16" t="s">
        <v>326</v>
      </c>
      <c r="D22" s="16">
        <v>10</v>
      </c>
      <c r="E22" s="12">
        <v>9398033</v>
      </c>
      <c r="F22" s="16" t="s">
        <v>258</v>
      </c>
      <c r="G22" s="12" t="s">
        <v>80</v>
      </c>
      <c r="H22" s="12" t="s">
        <v>171</v>
      </c>
      <c r="I22" s="12" t="s">
        <v>171</v>
      </c>
      <c r="J22" s="12" t="s">
        <v>535</v>
      </c>
      <c r="K22" s="12" t="s">
        <v>11</v>
      </c>
      <c r="L22" s="30">
        <v>42461</v>
      </c>
    </row>
    <row r="23" spans="1:12" ht="26.25" customHeight="1" x14ac:dyDescent="0.15">
      <c r="A23" s="9">
        <v>22</v>
      </c>
      <c r="B23" s="12">
        <v>1670105038</v>
      </c>
      <c r="C23" s="16" t="s">
        <v>467</v>
      </c>
      <c r="D23" s="16">
        <v>18</v>
      </c>
      <c r="E23" s="12" t="s">
        <v>320</v>
      </c>
      <c r="F23" s="16" t="s">
        <v>356</v>
      </c>
      <c r="G23" s="12" t="s">
        <v>509</v>
      </c>
      <c r="H23" s="12" t="s">
        <v>171</v>
      </c>
      <c r="I23" s="12" t="s">
        <v>171</v>
      </c>
      <c r="J23" s="12" t="s">
        <v>482</v>
      </c>
      <c r="K23" s="12" t="s">
        <v>96</v>
      </c>
      <c r="L23" s="30">
        <v>42461</v>
      </c>
    </row>
    <row r="24" spans="1:12" ht="26.25" customHeight="1" x14ac:dyDescent="0.15">
      <c r="A24" s="9">
        <v>23</v>
      </c>
      <c r="B24" s="12">
        <v>1670111804</v>
      </c>
      <c r="C24" s="16" t="s">
        <v>769</v>
      </c>
      <c r="D24" s="16">
        <v>18</v>
      </c>
      <c r="E24" s="12">
        <v>9398045</v>
      </c>
      <c r="F24" s="16" t="s">
        <v>854</v>
      </c>
      <c r="G24" s="12" t="s">
        <v>444</v>
      </c>
      <c r="H24" s="12" t="s">
        <v>171</v>
      </c>
      <c r="I24" s="12" t="s">
        <v>171</v>
      </c>
      <c r="J24" s="12" t="s">
        <v>204</v>
      </c>
      <c r="K24" s="12" t="s">
        <v>552</v>
      </c>
      <c r="L24" s="30">
        <v>42461</v>
      </c>
    </row>
    <row r="25" spans="1:12" ht="26.25" customHeight="1" x14ac:dyDescent="0.15">
      <c r="A25" s="9">
        <v>24</v>
      </c>
      <c r="B25" s="12">
        <v>1670111903</v>
      </c>
      <c r="C25" s="16" t="s">
        <v>22</v>
      </c>
      <c r="D25" s="16">
        <v>18</v>
      </c>
      <c r="E25" s="13" t="s">
        <v>551</v>
      </c>
      <c r="F25" s="16" t="s">
        <v>550</v>
      </c>
      <c r="G25" s="26" t="s">
        <v>549</v>
      </c>
      <c r="H25" s="12" t="s">
        <v>171</v>
      </c>
      <c r="I25" s="12" t="s">
        <v>171</v>
      </c>
      <c r="J25" s="13" t="s">
        <v>545</v>
      </c>
      <c r="K25" s="13" t="s">
        <v>543</v>
      </c>
      <c r="L25" s="30">
        <v>42461</v>
      </c>
    </row>
    <row r="26" spans="1:12" ht="26.25" customHeight="1" x14ac:dyDescent="0.15">
      <c r="A26" s="9">
        <v>25</v>
      </c>
      <c r="B26" s="12">
        <v>1670112059</v>
      </c>
      <c r="C26" s="16" t="s">
        <v>23</v>
      </c>
      <c r="D26" s="16">
        <v>18</v>
      </c>
      <c r="E26" s="12" t="s">
        <v>140</v>
      </c>
      <c r="F26" s="16" t="s">
        <v>300</v>
      </c>
      <c r="G26" s="12" t="s">
        <v>473</v>
      </c>
      <c r="H26" s="12" t="s">
        <v>171</v>
      </c>
      <c r="I26" s="12" t="s">
        <v>171</v>
      </c>
      <c r="J26" s="12" t="s">
        <v>542</v>
      </c>
      <c r="K26" s="12" t="s">
        <v>173</v>
      </c>
      <c r="L26" s="30">
        <v>42461</v>
      </c>
    </row>
    <row r="27" spans="1:12" ht="26.25" customHeight="1" x14ac:dyDescent="0.15">
      <c r="A27" s="9">
        <v>26</v>
      </c>
      <c r="B27" s="12">
        <v>1670112133</v>
      </c>
      <c r="C27" s="16" t="s">
        <v>539</v>
      </c>
      <c r="D27" s="16">
        <v>15</v>
      </c>
      <c r="E27" s="12" t="s">
        <v>538</v>
      </c>
      <c r="F27" s="16" t="s">
        <v>419</v>
      </c>
      <c r="G27" s="12" t="s">
        <v>238</v>
      </c>
      <c r="H27" s="12" t="s">
        <v>171</v>
      </c>
      <c r="I27" s="12" t="s">
        <v>171</v>
      </c>
      <c r="J27" s="12" t="s">
        <v>536</v>
      </c>
      <c r="K27" s="12" t="s">
        <v>533</v>
      </c>
      <c r="L27" s="30">
        <v>42461</v>
      </c>
    </row>
    <row r="28" spans="1:12" ht="26.25" customHeight="1" x14ac:dyDescent="0.15">
      <c r="A28" s="9">
        <v>27</v>
      </c>
      <c r="B28" s="12">
        <v>1670112208</v>
      </c>
      <c r="C28" s="16" t="s">
        <v>532</v>
      </c>
      <c r="D28" s="16">
        <v>18</v>
      </c>
      <c r="E28" s="12" t="s">
        <v>410</v>
      </c>
      <c r="F28" s="16" t="s">
        <v>528</v>
      </c>
      <c r="G28" s="12" t="s">
        <v>855</v>
      </c>
      <c r="H28" s="12" t="s">
        <v>171</v>
      </c>
      <c r="I28" s="12" t="s">
        <v>171</v>
      </c>
      <c r="J28" s="13" t="s">
        <v>256</v>
      </c>
      <c r="K28" s="13" t="s">
        <v>256</v>
      </c>
      <c r="L28" s="30">
        <v>42461</v>
      </c>
    </row>
    <row r="29" spans="1:12" ht="26.25" customHeight="1" x14ac:dyDescent="0.15">
      <c r="A29" s="9">
        <v>28</v>
      </c>
      <c r="B29" s="12">
        <v>1670112372</v>
      </c>
      <c r="C29" s="16" t="s">
        <v>47</v>
      </c>
      <c r="D29" s="16">
        <v>10</v>
      </c>
      <c r="E29" s="12" t="s">
        <v>525</v>
      </c>
      <c r="F29" s="16" t="s">
        <v>278</v>
      </c>
      <c r="G29" s="12" t="s">
        <v>396</v>
      </c>
      <c r="H29" s="12" t="s">
        <v>171</v>
      </c>
      <c r="I29" s="12" t="s">
        <v>171</v>
      </c>
      <c r="J29" s="12" t="s">
        <v>523</v>
      </c>
      <c r="K29" s="12" t="s">
        <v>522</v>
      </c>
      <c r="L29" s="30">
        <v>42461</v>
      </c>
    </row>
    <row r="30" spans="1:12" ht="26.25" customHeight="1" x14ac:dyDescent="0.15">
      <c r="A30" s="9">
        <v>29</v>
      </c>
      <c r="B30" s="12">
        <v>1670112406</v>
      </c>
      <c r="C30" s="16" t="s">
        <v>521</v>
      </c>
      <c r="D30" s="16">
        <v>14</v>
      </c>
      <c r="E30" s="12" t="s">
        <v>305</v>
      </c>
      <c r="F30" s="16" t="s">
        <v>73</v>
      </c>
      <c r="G30" s="12" t="s">
        <v>205</v>
      </c>
      <c r="H30" s="12" t="s">
        <v>171</v>
      </c>
      <c r="I30" s="12" t="s">
        <v>171</v>
      </c>
      <c r="J30" s="12" t="s">
        <v>520</v>
      </c>
      <c r="K30" s="12" t="s">
        <v>448</v>
      </c>
      <c r="L30" s="30">
        <v>42461</v>
      </c>
    </row>
    <row r="31" spans="1:12" ht="26.25" customHeight="1" x14ac:dyDescent="0.15">
      <c r="A31" s="9">
        <v>30</v>
      </c>
      <c r="B31" s="12">
        <v>1670112455</v>
      </c>
      <c r="C31" s="16" t="s">
        <v>400</v>
      </c>
      <c r="D31" s="16">
        <v>18</v>
      </c>
      <c r="E31" s="12" t="s">
        <v>18</v>
      </c>
      <c r="F31" s="16" t="s">
        <v>519</v>
      </c>
      <c r="G31" s="12" t="s">
        <v>41</v>
      </c>
      <c r="H31" s="12" t="s">
        <v>171</v>
      </c>
      <c r="I31" s="12" t="s">
        <v>171</v>
      </c>
      <c r="J31" s="12" t="s">
        <v>517</v>
      </c>
      <c r="K31" s="12" t="s">
        <v>264</v>
      </c>
      <c r="L31" s="30">
        <v>42461</v>
      </c>
    </row>
    <row r="32" spans="1:12" ht="26.25" customHeight="1" x14ac:dyDescent="0.15">
      <c r="A32" s="9">
        <v>31</v>
      </c>
      <c r="B32" s="12">
        <v>1670112547</v>
      </c>
      <c r="C32" s="16" t="s">
        <v>516</v>
      </c>
      <c r="D32" s="16">
        <v>10</v>
      </c>
      <c r="E32" s="12" t="s">
        <v>514</v>
      </c>
      <c r="F32" s="16" t="s">
        <v>226</v>
      </c>
      <c r="G32" s="12" t="s">
        <v>304</v>
      </c>
      <c r="H32" s="12" t="s">
        <v>171</v>
      </c>
      <c r="I32" s="12" t="s">
        <v>171</v>
      </c>
      <c r="J32" s="12" t="s">
        <v>462</v>
      </c>
      <c r="K32" s="12" t="s">
        <v>511</v>
      </c>
      <c r="L32" s="30">
        <v>42461</v>
      </c>
    </row>
    <row r="33" spans="1:12" ht="26.25" customHeight="1" x14ac:dyDescent="0.15">
      <c r="A33" s="9">
        <v>32</v>
      </c>
      <c r="B33" s="12">
        <v>1670112562</v>
      </c>
      <c r="C33" s="16" t="s">
        <v>510</v>
      </c>
      <c r="D33" s="16">
        <v>14</v>
      </c>
      <c r="E33" s="12" t="s">
        <v>197</v>
      </c>
      <c r="F33" s="16" t="s">
        <v>69</v>
      </c>
      <c r="G33" s="12" t="s">
        <v>509</v>
      </c>
      <c r="H33" s="12" t="s">
        <v>171</v>
      </c>
      <c r="I33" s="12" t="s">
        <v>171</v>
      </c>
      <c r="J33" s="12" t="s">
        <v>507</v>
      </c>
      <c r="K33" s="12" t="s">
        <v>143</v>
      </c>
      <c r="L33" s="30">
        <v>42461</v>
      </c>
    </row>
    <row r="34" spans="1:12" ht="26.25" customHeight="1" x14ac:dyDescent="0.15">
      <c r="A34" s="9">
        <v>33</v>
      </c>
      <c r="B34" s="12">
        <v>1670112711</v>
      </c>
      <c r="C34" s="16" t="s">
        <v>115</v>
      </c>
      <c r="D34" s="16">
        <v>10</v>
      </c>
      <c r="E34" s="12" t="s">
        <v>506</v>
      </c>
      <c r="F34" s="16" t="s">
        <v>504</v>
      </c>
      <c r="G34" s="12" t="s">
        <v>413</v>
      </c>
      <c r="H34" s="12" t="s">
        <v>171</v>
      </c>
      <c r="I34" s="12" t="s">
        <v>171</v>
      </c>
      <c r="J34" s="12" t="s">
        <v>501</v>
      </c>
      <c r="K34" s="12" t="s">
        <v>500</v>
      </c>
      <c r="L34" s="30">
        <v>42461</v>
      </c>
    </row>
    <row r="35" spans="1:12" ht="26.25" customHeight="1" x14ac:dyDescent="0.15">
      <c r="A35" s="9">
        <v>34</v>
      </c>
      <c r="B35" s="12">
        <v>1670112794</v>
      </c>
      <c r="C35" s="16" t="s">
        <v>186</v>
      </c>
      <c r="D35" s="16">
        <v>10</v>
      </c>
      <c r="E35" s="12" t="s">
        <v>418</v>
      </c>
      <c r="F35" s="16" t="s">
        <v>499</v>
      </c>
      <c r="G35" s="26" t="s">
        <v>238</v>
      </c>
      <c r="H35" s="12" t="s">
        <v>171</v>
      </c>
      <c r="I35" s="12" t="s">
        <v>171</v>
      </c>
      <c r="J35" s="12" t="s">
        <v>498</v>
      </c>
      <c r="K35" s="12" t="s">
        <v>429</v>
      </c>
      <c r="L35" s="30">
        <v>42461</v>
      </c>
    </row>
    <row r="36" spans="1:12" ht="26.25" customHeight="1" x14ac:dyDescent="0.15">
      <c r="A36" s="9">
        <v>35</v>
      </c>
      <c r="B36" s="12">
        <v>1670112919</v>
      </c>
      <c r="C36" s="16" t="s">
        <v>497</v>
      </c>
      <c r="D36" s="16">
        <v>11</v>
      </c>
      <c r="E36" s="12" t="s">
        <v>496</v>
      </c>
      <c r="F36" s="16" t="s">
        <v>495</v>
      </c>
      <c r="G36" s="12" t="s">
        <v>478</v>
      </c>
      <c r="H36" s="12" t="s">
        <v>171</v>
      </c>
      <c r="I36" s="12" t="s">
        <v>171</v>
      </c>
      <c r="J36" s="12" t="s">
        <v>493</v>
      </c>
      <c r="K36" s="12" t="s">
        <v>491</v>
      </c>
      <c r="L36" s="30">
        <v>42461</v>
      </c>
    </row>
    <row r="37" spans="1:12" ht="26.25" customHeight="1" x14ac:dyDescent="0.15">
      <c r="A37" s="9">
        <v>36</v>
      </c>
      <c r="B37" s="12">
        <v>1670112927</v>
      </c>
      <c r="C37" s="16" t="s">
        <v>146</v>
      </c>
      <c r="D37" s="40">
        <v>15</v>
      </c>
      <c r="E37" s="12" t="s">
        <v>490</v>
      </c>
      <c r="F37" s="16" t="s">
        <v>286</v>
      </c>
      <c r="G37" s="12" t="s">
        <v>478</v>
      </c>
      <c r="H37" s="12" t="s">
        <v>171</v>
      </c>
      <c r="I37" s="12" t="s">
        <v>171</v>
      </c>
      <c r="J37" s="12" t="s">
        <v>488</v>
      </c>
      <c r="K37" s="12" t="s">
        <v>376</v>
      </c>
      <c r="L37" s="30">
        <v>42461</v>
      </c>
    </row>
    <row r="38" spans="1:12" ht="26.25" customHeight="1" x14ac:dyDescent="0.15">
      <c r="A38" s="9">
        <v>37</v>
      </c>
      <c r="B38" s="12">
        <v>1670112950</v>
      </c>
      <c r="C38" s="16" t="s">
        <v>151</v>
      </c>
      <c r="D38" s="16">
        <v>10</v>
      </c>
      <c r="E38" s="12" t="s">
        <v>485</v>
      </c>
      <c r="F38" s="16" t="s">
        <v>481</v>
      </c>
      <c r="G38" s="12" t="s">
        <v>856</v>
      </c>
      <c r="H38" s="12" t="s">
        <v>171</v>
      </c>
      <c r="I38" s="12" t="s">
        <v>171</v>
      </c>
      <c r="J38" s="12" t="s">
        <v>479</v>
      </c>
      <c r="K38" s="12" t="s">
        <v>479</v>
      </c>
      <c r="L38" s="30">
        <v>42461</v>
      </c>
    </row>
    <row r="39" spans="1:12" ht="26.25" customHeight="1" x14ac:dyDescent="0.15">
      <c r="A39" s="9">
        <v>38</v>
      </c>
      <c r="B39" s="12">
        <v>1670112984</v>
      </c>
      <c r="C39" s="16" t="s">
        <v>477</v>
      </c>
      <c r="D39" s="16">
        <v>18</v>
      </c>
      <c r="E39" s="12" t="s">
        <v>474</v>
      </c>
      <c r="F39" s="16" t="s">
        <v>431</v>
      </c>
      <c r="G39" s="26" t="s">
        <v>473</v>
      </c>
      <c r="H39" s="12" t="s">
        <v>171</v>
      </c>
      <c r="I39" s="12" t="s">
        <v>171</v>
      </c>
      <c r="J39" s="12" t="s">
        <v>360</v>
      </c>
      <c r="K39" s="12" t="s">
        <v>472</v>
      </c>
      <c r="L39" s="30">
        <v>42461</v>
      </c>
    </row>
    <row r="40" spans="1:12" ht="26.25" customHeight="1" x14ac:dyDescent="0.15">
      <c r="A40" s="9">
        <v>39</v>
      </c>
      <c r="B40" s="12">
        <v>1670113008</v>
      </c>
      <c r="C40" s="16" t="s">
        <v>471</v>
      </c>
      <c r="D40" s="16">
        <v>10</v>
      </c>
      <c r="E40" s="12" t="s">
        <v>470</v>
      </c>
      <c r="F40" s="16" t="s">
        <v>442</v>
      </c>
      <c r="G40" s="12" t="s">
        <v>468</v>
      </c>
      <c r="H40" s="12" t="s">
        <v>171</v>
      </c>
      <c r="I40" s="12" t="s">
        <v>171</v>
      </c>
      <c r="J40" s="12" t="s">
        <v>459</v>
      </c>
      <c r="K40" s="12" t="s">
        <v>421</v>
      </c>
      <c r="L40" s="30">
        <v>42461</v>
      </c>
    </row>
    <row r="41" spans="1:12" ht="26.25" customHeight="1" x14ac:dyDescent="0.15">
      <c r="A41" s="9">
        <v>40</v>
      </c>
      <c r="B41" s="12">
        <v>1670113032</v>
      </c>
      <c r="C41" s="16" t="s">
        <v>461</v>
      </c>
      <c r="D41" s="16">
        <v>18</v>
      </c>
      <c r="E41" s="12" t="s">
        <v>469</v>
      </c>
      <c r="F41" s="16" t="s">
        <v>466</v>
      </c>
      <c r="G41" s="26" t="s">
        <v>396</v>
      </c>
      <c r="H41" s="12" t="s">
        <v>171</v>
      </c>
      <c r="I41" s="12" t="s">
        <v>171</v>
      </c>
      <c r="J41" s="12" t="s">
        <v>377</v>
      </c>
      <c r="K41" s="12" t="s">
        <v>384</v>
      </c>
      <c r="L41" s="30">
        <v>42461</v>
      </c>
    </row>
    <row r="42" spans="1:12" ht="26.25" customHeight="1" x14ac:dyDescent="0.15">
      <c r="A42" s="9">
        <v>41</v>
      </c>
      <c r="B42" s="12">
        <v>1670113164</v>
      </c>
      <c r="C42" s="16" t="s">
        <v>465</v>
      </c>
      <c r="D42" s="16">
        <v>18</v>
      </c>
      <c r="E42" s="12">
        <v>9300874</v>
      </c>
      <c r="F42" s="16" t="s">
        <v>577</v>
      </c>
      <c r="G42" s="26" t="s">
        <v>524</v>
      </c>
      <c r="H42" s="12" t="s">
        <v>171</v>
      </c>
      <c r="I42" s="12" t="s">
        <v>171</v>
      </c>
      <c r="J42" s="12" t="s">
        <v>464</v>
      </c>
      <c r="K42" s="12" t="s">
        <v>433</v>
      </c>
      <c r="L42" s="30">
        <v>42461</v>
      </c>
    </row>
    <row r="43" spans="1:12" ht="26.25" customHeight="1" x14ac:dyDescent="0.15">
      <c r="A43" s="9">
        <v>42</v>
      </c>
      <c r="B43" s="12">
        <v>1670113222</v>
      </c>
      <c r="C43" s="16" t="s">
        <v>458</v>
      </c>
      <c r="D43" s="16">
        <v>18</v>
      </c>
      <c r="E43" s="12" t="s">
        <v>317</v>
      </c>
      <c r="F43" s="16" t="s">
        <v>457</v>
      </c>
      <c r="G43" s="26" t="s">
        <v>858</v>
      </c>
      <c r="H43" s="12" t="s">
        <v>171</v>
      </c>
      <c r="I43" s="12" t="s">
        <v>171</v>
      </c>
      <c r="J43" s="12" t="s">
        <v>409</v>
      </c>
      <c r="K43" s="12" t="s">
        <v>207</v>
      </c>
      <c r="L43" s="30">
        <v>42461</v>
      </c>
    </row>
    <row r="44" spans="1:12" ht="26.25" customHeight="1" x14ac:dyDescent="0.15">
      <c r="A44" s="9">
        <v>43</v>
      </c>
      <c r="B44" s="12">
        <v>1670113248</v>
      </c>
      <c r="C44" s="16" t="s">
        <v>455</v>
      </c>
      <c r="D44" s="16">
        <v>18</v>
      </c>
      <c r="E44" s="12" t="s">
        <v>86</v>
      </c>
      <c r="F44" s="16" t="s">
        <v>97</v>
      </c>
      <c r="G44" s="12" t="s">
        <v>492</v>
      </c>
      <c r="H44" s="12" t="s">
        <v>171</v>
      </c>
      <c r="I44" s="12" t="s">
        <v>171</v>
      </c>
      <c r="J44" s="12" t="s">
        <v>452</v>
      </c>
      <c r="K44" s="12" t="s">
        <v>450</v>
      </c>
      <c r="L44" s="30">
        <v>42461</v>
      </c>
    </row>
    <row r="45" spans="1:12" ht="26.25" customHeight="1" x14ac:dyDescent="0.15">
      <c r="A45" s="9">
        <v>44</v>
      </c>
      <c r="B45" s="12">
        <v>1670113339</v>
      </c>
      <c r="C45" s="39" t="s">
        <v>412</v>
      </c>
      <c r="D45" s="16">
        <v>15</v>
      </c>
      <c r="E45" s="12" t="s">
        <v>260</v>
      </c>
      <c r="F45" s="16" t="s">
        <v>446</v>
      </c>
      <c r="G45" s="12" t="s">
        <v>441</v>
      </c>
      <c r="H45" s="12" t="s">
        <v>171</v>
      </c>
      <c r="I45" s="12" t="s">
        <v>171</v>
      </c>
      <c r="J45" s="12" t="s">
        <v>438</v>
      </c>
      <c r="K45" s="12" t="s">
        <v>404</v>
      </c>
      <c r="L45" s="30">
        <v>42461</v>
      </c>
    </row>
    <row r="46" spans="1:12" ht="26.25" customHeight="1" x14ac:dyDescent="0.15">
      <c r="A46" s="9">
        <v>45</v>
      </c>
      <c r="B46" s="12">
        <v>1670113354</v>
      </c>
      <c r="C46" s="16" t="s">
        <v>435</v>
      </c>
      <c r="D46" s="16">
        <v>10</v>
      </c>
      <c r="E46" s="12" t="s">
        <v>436</v>
      </c>
      <c r="F46" s="16" t="s">
        <v>359</v>
      </c>
      <c r="G46" s="12" t="s">
        <v>859</v>
      </c>
      <c r="H46" s="12" t="s">
        <v>171</v>
      </c>
      <c r="I46" s="12" t="s">
        <v>171</v>
      </c>
      <c r="J46" s="12" t="s">
        <v>432</v>
      </c>
      <c r="K46" s="12" t="s">
        <v>430</v>
      </c>
      <c r="L46" s="30">
        <v>42461</v>
      </c>
    </row>
    <row r="47" spans="1:12" ht="26.25" customHeight="1" x14ac:dyDescent="0.15">
      <c r="A47" s="9">
        <v>46</v>
      </c>
      <c r="B47" s="12">
        <v>1670113479</v>
      </c>
      <c r="C47" s="16" t="s">
        <v>228</v>
      </c>
      <c r="D47" s="16">
        <v>18</v>
      </c>
      <c r="E47" s="12" t="s">
        <v>424</v>
      </c>
      <c r="F47" s="16" t="s">
        <v>423</v>
      </c>
      <c r="G47" s="12" t="s">
        <v>396</v>
      </c>
      <c r="H47" s="12" t="s">
        <v>171</v>
      </c>
      <c r="I47" s="12" t="s">
        <v>171</v>
      </c>
      <c r="J47" s="12" t="s">
        <v>422</v>
      </c>
      <c r="K47" s="12" t="s">
        <v>420</v>
      </c>
      <c r="L47" s="30">
        <v>42461</v>
      </c>
    </row>
    <row r="48" spans="1:12" ht="26.25" customHeight="1" x14ac:dyDescent="0.15">
      <c r="A48" s="9">
        <v>47</v>
      </c>
      <c r="B48" s="12">
        <v>1670113537</v>
      </c>
      <c r="C48" s="16" t="s">
        <v>210</v>
      </c>
      <c r="D48" s="16">
        <v>18</v>
      </c>
      <c r="E48" s="12" t="s">
        <v>417</v>
      </c>
      <c r="F48" s="16" t="s">
        <v>415</v>
      </c>
      <c r="G48" s="12" t="s">
        <v>667</v>
      </c>
      <c r="H48" s="12" t="s">
        <v>171</v>
      </c>
      <c r="I48" s="12" t="s">
        <v>234</v>
      </c>
      <c r="J48" s="12" t="s">
        <v>411</v>
      </c>
      <c r="K48" s="12" t="s">
        <v>408</v>
      </c>
      <c r="L48" s="30">
        <v>42461</v>
      </c>
    </row>
    <row r="49" spans="1:13" ht="26.25" customHeight="1" x14ac:dyDescent="0.15">
      <c r="A49" s="9">
        <v>48</v>
      </c>
      <c r="B49" s="12">
        <v>1670113586</v>
      </c>
      <c r="C49" s="16" t="s">
        <v>407</v>
      </c>
      <c r="D49" s="16">
        <v>15</v>
      </c>
      <c r="E49" s="12" t="s">
        <v>295</v>
      </c>
      <c r="F49" s="16" t="s">
        <v>353</v>
      </c>
      <c r="G49" s="12" t="s">
        <v>858</v>
      </c>
      <c r="H49" s="12" t="s">
        <v>171</v>
      </c>
      <c r="I49" s="12" t="s">
        <v>171</v>
      </c>
      <c r="J49" s="12" t="s">
        <v>135</v>
      </c>
      <c r="K49" s="12" t="s">
        <v>406</v>
      </c>
      <c r="L49" s="30">
        <v>42461</v>
      </c>
    </row>
    <row r="50" spans="1:13" ht="26.25" customHeight="1" x14ac:dyDescent="0.15">
      <c r="A50" s="9">
        <v>49</v>
      </c>
      <c r="B50" s="12">
        <v>1670113685</v>
      </c>
      <c r="C50" s="16" t="s">
        <v>403</v>
      </c>
      <c r="D50" s="16">
        <v>12</v>
      </c>
      <c r="E50" s="12" t="s">
        <v>306</v>
      </c>
      <c r="F50" s="16" t="s">
        <v>236</v>
      </c>
      <c r="G50" s="12" t="s">
        <v>111</v>
      </c>
      <c r="H50" s="12" t="s">
        <v>171</v>
      </c>
      <c r="I50" s="12" t="s">
        <v>171</v>
      </c>
      <c r="J50" s="12" t="s">
        <v>340</v>
      </c>
      <c r="K50" s="12" t="s">
        <v>402</v>
      </c>
      <c r="L50" s="30">
        <v>42461</v>
      </c>
    </row>
    <row r="51" spans="1:13" ht="26.25" customHeight="1" x14ac:dyDescent="0.15">
      <c r="A51" s="9">
        <v>50</v>
      </c>
      <c r="B51" s="12">
        <v>1671500120</v>
      </c>
      <c r="C51" s="16" t="s">
        <v>117</v>
      </c>
      <c r="D51" s="16">
        <v>10</v>
      </c>
      <c r="E51" s="12" t="s">
        <v>401</v>
      </c>
      <c r="F51" s="16" t="s">
        <v>398</v>
      </c>
      <c r="G51" s="12" t="s">
        <v>860</v>
      </c>
      <c r="H51" s="12" t="s">
        <v>171</v>
      </c>
      <c r="I51" s="12" t="s">
        <v>171</v>
      </c>
      <c r="J51" s="12" t="s">
        <v>395</v>
      </c>
      <c r="K51" s="12" t="s">
        <v>393</v>
      </c>
      <c r="L51" s="30">
        <v>42461</v>
      </c>
    </row>
    <row r="52" spans="1:13" ht="26.25" customHeight="1" x14ac:dyDescent="0.15">
      <c r="A52" s="9">
        <v>51</v>
      </c>
      <c r="B52" s="12">
        <v>1671500260</v>
      </c>
      <c r="C52" s="16" t="s">
        <v>391</v>
      </c>
      <c r="D52" s="16">
        <v>10</v>
      </c>
      <c r="E52" s="12" t="s">
        <v>390</v>
      </c>
      <c r="F52" s="16" t="s">
        <v>337</v>
      </c>
      <c r="G52" s="12" t="s">
        <v>844</v>
      </c>
      <c r="H52" s="12" t="s">
        <v>171</v>
      </c>
      <c r="I52" s="12" t="s">
        <v>171</v>
      </c>
      <c r="J52" s="12" t="s">
        <v>389</v>
      </c>
      <c r="K52" s="12" t="s">
        <v>127</v>
      </c>
      <c r="L52" s="30">
        <v>42461</v>
      </c>
    </row>
    <row r="53" spans="1:13" ht="26.25" customHeight="1" x14ac:dyDescent="0.15">
      <c r="A53" s="9">
        <v>52</v>
      </c>
      <c r="B53" s="12">
        <v>1670102241</v>
      </c>
      <c r="C53" s="16" t="s">
        <v>387</v>
      </c>
      <c r="D53" s="16">
        <v>10</v>
      </c>
      <c r="E53" s="12" t="s">
        <v>385</v>
      </c>
      <c r="F53" s="16" t="s">
        <v>381</v>
      </c>
      <c r="G53" s="26" t="s">
        <v>379</v>
      </c>
      <c r="H53" s="12" t="s">
        <v>171</v>
      </c>
      <c r="I53" s="12" t="s">
        <v>171</v>
      </c>
      <c r="J53" s="12" t="s">
        <v>369</v>
      </c>
      <c r="K53" s="12" t="s">
        <v>285</v>
      </c>
      <c r="L53" s="30">
        <v>42461</v>
      </c>
    </row>
    <row r="54" spans="1:13" ht="26.25" customHeight="1" x14ac:dyDescent="0.15">
      <c r="A54" s="9">
        <v>53</v>
      </c>
      <c r="B54" s="38" t="s">
        <v>375</v>
      </c>
      <c r="C54" s="16" t="s">
        <v>374</v>
      </c>
      <c r="D54" s="16">
        <v>15</v>
      </c>
      <c r="E54" s="12" t="s">
        <v>373</v>
      </c>
      <c r="F54" s="16" t="s">
        <v>372</v>
      </c>
      <c r="G54" s="26" t="s">
        <v>861</v>
      </c>
      <c r="H54" s="12" t="s">
        <v>171</v>
      </c>
      <c r="I54" s="12" t="s">
        <v>171</v>
      </c>
      <c r="J54" s="12" t="s">
        <v>365</v>
      </c>
      <c r="K54" s="12" t="s">
        <v>365</v>
      </c>
      <c r="L54" s="30">
        <v>42614</v>
      </c>
    </row>
    <row r="55" spans="1:13" ht="26.25" customHeight="1" x14ac:dyDescent="0.15">
      <c r="A55" s="9">
        <v>54</v>
      </c>
      <c r="B55" s="38" t="s">
        <v>890</v>
      </c>
      <c r="C55" s="16" t="s">
        <v>371</v>
      </c>
      <c r="D55" s="16">
        <v>10</v>
      </c>
      <c r="E55" s="12">
        <v>9300862</v>
      </c>
      <c r="F55" s="16" t="s">
        <v>168</v>
      </c>
      <c r="G55" s="12" t="s">
        <v>862</v>
      </c>
      <c r="H55" s="12" t="s">
        <v>171</v>
      </c>
      <c r="I55" s="12" t="s">
        <v>171</v>
      </c>
      <c r="J55" s="12" t="s">
        <v>368</v>
      </c>
      <c r="K55" s="12" t="s">
        <v>79</v>
      </c>
      <c r="L55" s="30">
        <v>42614</v>
      </c>
    </row>
    <row r="56" spans="1:13" ht="26.25" customHeight="1" x14ac:dyDescent="0.15">
      <c r="A56" s="9">
        <v>55</v>
      </c>
      <c r="B56" s="38" t="s">
        <v>889</v>
      </c>
      <c r="C56" s="19" t="s">
        <v>763</v>
      </c>
      <c r="D56" s="40">
        <v>10</v>
      </c>
      <c r="E56" s="12">
        <v>9300142</v>
      </c>
      <c r="F56" s="19" t="s">
        <v>863</v>
      </c>
      <c r="G56" s="26" t="s">
        <v>864</v>
      </c>
      <c r="H56" s="12" t="s">
        <v>171</v>
      </c>
      <c r="I56" s="12" t="s">
        <v>171</v>
      </c>
      <c r="J56" s="12" t="s">
        <v>364</v>
      </c>
      <c r="K56" s="12" t="s">
        <v>358</v>
      </c>
      <c r="L56" s="30">
        <v>42724</v>
      </c>
    </row>
    <row r="57" spans="1:13" ht="26.25" customHeight="1" x14ac:dyDescent="0.15">
      <c r="A57" s="9">
        <v>56</v>
      </c>
      <c r="B57" s="12">
        <v>1690100928</v>
      </c>
      <c r="C57" s="19" t="s">
        <v>357</v>
      </c>
      <c r="D57" s="40">
        <v>18</v>
      </c>
      <c r="E57" s="12">
        <v>9300972</v>
      </c>
      <c r="F57" s="19" t="s">
        <v>179</v>
      </c>
      <c r="G57" s="26" t="s">
        <v>607</v>
      </c>
      <c r="H57" s="12" t="s">
        <v>171</v>
      </c>
      <c r="I57" s="12" t="s">
        <v>171</v>
      </c>
      <c r="J57" s="12" t="s">
        <v>336</v>
      </c>
      <c r="K57" s="12" t="s">
        <v>334</v>
      </c>
      <c r="L57" s="30">
        <v>42856</v>
      </c>
      <c r="M57" s="44"/>
    </row>
    <row r="58" spans="1:13" ht="26.25" customHeight="1" x14ac:dyDescent="0.15">
      <c r="A58" s="9">
        <v>57</v>
      </c>
      <c r="B58" s="38" t="s">
        <v>888</v>
      </c>
      <c r="C58" s="19" t="s">
        <v>166</v>
      </c>
      <c r="D58" s="40">
        <v>18</v>
      </c>
      <c r="E58" s="12">
        <v>9398191</v>
      </c>
      <c r="F58" s="19" t="s">
        <v>351</v>
      </c>
      <c r="G58" s="26" t="s">
        <v>855</v>
      </c>
      <c r="H58" s="12" t="s">
        <v>171</v>
      </c>
      <c r="I58" s="12" t="s">
        <v>171</v>
      </c>
      <c r="J58" s="12" t="s">
        <v>350</v>
      </c>
      <c r="K58" s="12" t="s">
        <v>348</v>
      </c>
      <c r="L58" s="30">
        <v>42856</v>
      </c>
    </row>
    <row r="59" spans="1:13" ht="26.25" customHeight="1" x14ac:dyDescent="0.15">
      <c r="A59" s="9">
        <v>58</v>
      </c>
      <c r="B59" s="38" t="s">
        <v>281</v>
      </c>
      <c r="C59" s="16" t="s">
        <v>345</v>
      </c>
      <c r="D59" s="16">
        <v>15</v>
      </c>
      <c r="E59" s="12" t="s">
        <v>341</v>
      </c>
      <c r="F59" s="19" t="s">
        <v>635</v>
      </c>
      <c r="G59" s="12" t="s">
        <v>619</v>
      </c>
      <c r="H59" s="12" t="s">
        <v>171</v>
      </c>
      <c r="I59" s="12" t="s">
        <v>171</v>
      </c>
      <c r="J59" s="12" t="s">
        <v>333</v>
      </c>
      <c r="K59" s="12" t="s">
        <v>331</v>
      </c>
      <c r="L59" s="30">
        <v>43101</v>
      </c>
    </row>
    <row r="60" spans="1:13" ht="26.25" customHeight="1" x14ac:dyDescent="0.15">
      <c r="A60" s="9">
        <v>59</v>
      </c>
      <c r="B60" s="12">
        <v>1690101074</v>
      </c>
      <c r="C60" s="16" t="s">
        <v>225</v>
      </c>
      <c r="D60" s="16">
        <v>15</v>
      </c>
      <c r="E60" s="12">
        <v>9300066</v>
      </c>
      <c r="F60" s="16" t="s">
        <v>199</v>
      </c>
      <c r="G60" s="12" t="s">
        <v>380</v>
      </c>
      <c r="H60" s="12" t="s">
        <v>171</v>
      </c>
      <c r="I60" s="12" t="s">
        <v>171</v>
      </c>
      <c r="J60" s="12" t="s">
        <v>288</v>
      </c>
      <c r="K60" s="12" t="s">
        <v>178</v>
      </c>
      <c r="L60" s="30">
        <v>43282</v>
      </c>
    </row>
    <row r="61" spans="1:13" ht="26.25" customHeight="1" x14ac:dyDescent="0.15">
      <c r="A61" s="9">
        <v>60</v>
      </c>
      <c r="B61" s="12">
        <v>1690101082</v>
      </c>
      <c r="C61" s="16" t="s">
        <v>330</v>
      </c>
      <c r="D61" s="16">
        <v>12</v>
      </c>
      <c r="E61" s="12">
        <v>9318314</v>
      </c>
      <c r="F61" s="19" t="s">
        <v>327</v>
      </c>
      <c r="G61" s="12" t="s">
        <v>865</v>
      </c>
      <c r="H61" s="12" t="s">
        <v>171</v>
      </c>
      <c r="I61" s="12" t="s">
        <v>171</v>
      </c>
      <c r="J61" s="12" t="s">
        <v>206</v>
      </c>
      <c r="K61" s="12" t="s">
        <v>324</v>
      </c>
      <c r="L61" s="30">
        <v>43282</v>
      </c>
    </row>
    <row r="62" spans="1:13" ht="26.25" customHeight="1" x14ac:dyDescent="0.15">
      <c r="A62" s="9">
        <v>61</v>
      </c>
      <c r="B62" s="12" t="s">
        <v>323</v>
      </c>
      <c r="C62" s="16" t="s">
        <v>321</v>
      </c>
      <c r="D62" s="16">
        <v>18</v>
      </c>
      <c r="E62" s="12" t="s">
        <v>317</v>
      </c>
      <c r="F62" s="19" t="s">
        <v>316</v>
      </c>
      <c r="G62" s="12" t="s">
        <v>858</v>
      </c>
      <c r="H62" s="12" t="s">
        <v>171</v>
      </c>
      <c r="I62" s="12" t="s">
        <v>171</v>
      </c>
      <c r="J62" s="12" t="s">
        <v>315</v>
      </c>
      <c r="K62" s="12" t="s">
        <v>109</v>
      </c>
      <c r="L62" s="30">
        <v>43374</v>
      </c>
    </row>
    <row r="63" spans="1:13" ht="26.25" customHeight="1" x14ac:dyDescent="0.15">
      <c r="A63" s="9">
        <v>62</v>
      </c>
      <c r="B63" s="12" t="s">
        <v>277</v>
      </c>
      <c r="C63" s="19" t="s">
        <v>312</v>
      </c>
      <c r="D63" s="16">
        <v>10</v>
      </c>
      <c r="E63" s="12" t="s">
        <v>311</v>
      </c>
      <c r="F63" s="19" t="s">
        <v>810</v>
      </c>
      <c r="G63" s="12" t="s">
        <v>866</v>
      </c>
      <c r="H63" s="12" t="s">
        <v>171</v>
      </c>
      <c r="I63" s="12" t="s">
        <v>234</v>
      </c>
      <c r="J63" s="12" t="s">
        <v>250</v>
      </c>
      <c r="K63" s="12" t="s">
        <v>250</v>
      </c>
      <c r="L63" s="30">
        <v>43435</v>
      </c>
    </row>
    <row r="64" spans="1:13" ht="26.25" customHeight="1" x14ac:dyDescent="0.15">
      <c r="A64" s="9">
        <v>63</v>
      </c>
      <c r="B64" s="12">
        <v>1690101124</v>
      </c>
      <c r="C64" s="19" t="s">
        <v>310</v>
      </c>
      <c r="D64" s="16">
        <v>18</v>
      </c>
      <c r="E64" s="12" t="s">
        <v>309</v>
      </c>
      <c r="F64" s="19" t="s">
        <v>328</v>
      </c>
      <c r="G64" s="12" t="s">
        <v>205</v>
      </c>
      <c r="H64" s="12" t="s">
        <v>171</v>
      </c>
      <c r="I64" s="12" t="s">
        <v>171</v>
      </c>
      <c r="J64" s="12" t="s">
        <v>303</v>
      </c>
      <c r="K64" s="12" t="s">
        <v>302</v>
      </c>
      <c r="L64" s="30">
        <v>43466</v>
      </c>
    </row>
    <row r="65" spans="1:13" ht="26.25" customHeight="1" x14ac:dyDescent="0.15">
      <c r="A65" s="9">
        <v>64</v>
      </c>
      <c r="B65" s="12">
        <v>1690101256</v>
      </c>
      <c r="C65" s="19" t="s">
        <v>297</v>
      </c>
      <c r="D65" s="16">
        <v>15</v>
      </c>
      <c r="E65" s="12">
        <v>9300023</v>
      </c>
      <c r="F65" s="19" t="s">
        <v>867</v>
      </c>
      <c r="G65" s="12" t="s">
        <v>858</v>
      </c>
      <c r="H65" s="12" t="s">
        <v>171</v>
      </c>
      <c r="I65" s="12" t="s">
        <v>171</v>
      </c>
      <c r="J65" s="12" t="s">
        <v>268</v>
      </c>
      <c r="K65" s="12" t="s">
        <v>121</v>
      </c>
      <c r="L65" s="30">
        <v>43922</v>
      </c>
    </row>
    <row r="66" spans="1:13" ht="26.25" customHeight="1" x14ac:dyDescent="0.15">
      <c r="A66" s="9">
        <v>65</v>
      </c>
      <c r="B66" s="12">
        <v>1690101272</v>
      </c>
      <c r="C66" s="19" t="s">
        <v>540</v>
      </c>
      <c r="D66" s="16">
        <v>18</v>
      </c>
      <c r="E66" s="12">
        <v>9302757</v>
      </c>
      <c r="F66" s="19" t="s">
        <v>505</v>
      </c>
      <c r="G66" s="12" t="s">
        <v>396</v>
      </c>
      <c r="H66" s="12" t="s">
        <v>171</v>
      </c>
      <c r="I66" s="12" t="s">
        <v>171</v>
      </c>
      <c r="J66" s="12" t="s">
        <v>301</v>
      </c>
      <c r="K66" s="12" t="s">
        <v>299</v>
      </c>
      <c r="L66" s="30">
        <v>43983</v>
      </c>
    </row>
    <row r="67" spans="1:13" ht="26.25" customHeight="1" x14ac:dyDescent="0.15">
      <c r="A67" s="9">
        <v>66</v>
      </c>
      <c r="B67" s="12">
        <v>1690101298</v>
      </c>
      <c r="C67" s="16" t="s">
        <v>2</v>
      </c>
      <c r="D67" s="16">
        <v>18</v>
      </c>
      <c r="E67" s="12">
        <v>9308031</v>
      </c>
      <c r="F67" s="19" t="s">
        <v>630</v>
      </c>
      <c r="G67" s="12" t="s">
        <v>667</v>
      </c>
      <c r="H67" s="12" t="s">
        <v>171</v>
      </c>
      <c r="I67" s="12" t="s">
        <v>171</v>
      </c>
      <c r="J67" s="12" t="s">
        <v>298</v>
      </c>
      <c r="K67" s="12" t="s">
        <v>296</v>
      </c>
      <c r="L67" s="30">
        <v>44044</v>
      </c>
      <c r="M67" s="45"/>
    </row>
    <row r="68" spans="1:13" ht="26.25" customHeight="1" x14ac:dyDescent="0.15">
      <c r="A68" s="9">
        <v>67</v>
      </c>
      <c r="B68" s="12">
        <v>1690101314</v>
      </c>
      <c r="C68" s="16" t="s">
        <v>868</v>
      </c>
      <c r="D68" s="16">
        <v>15</v>
      </c>
      <c r="E68" s="12">
        <v>9300916</v>
      </c>
      <c r="F68" s="19" t="s">
        <v>869</v>
      </c>
      <c r="G68" s="12" t="s">
        <v>804</v>
      </c>
      <c r="H68" s="12" t="s">
        <v>171</v>
      </c>
      <c r="I68" s="12" t="s">
        <v>171</v>
      </c>
      <c r="J68" s="12" t="s">
        <v>291</v>
      </c>
      <c r="K68" s="12" t="s">
        <v>290</v>
      </c>
      <c r="L68" s="30">
        <v>44075</v>
      </c>
      <c r="M68" s="45"/>
    </row>
    <row r="69" spans="1:13" ht="26.25" customHeight="1" x14ac:dyDescent="0.15">
      <c r="A69" s="9">
        <v>68</v>
      </c>
      <c r="B69" s="12">
        <v>1690101363</v>
      </c>
      <c r="C69" s="16" t="s">
        <v>283</v>
      </c>
      <c r="D69" s="16">
        <v>18</v>
      </c>
      <c r="E69" s="12">
        <v>9398055</v>
      </c>
      <c r="F69" s="19" t="s">
        <v>280</v>
      </c>
      <c r="G69" s="12" t="s">
        <v>444</v>
      </c>
      <c r="H69" s="12" t="s">
        <v>171</v>
      </c>
      <c r="I69" s="12" t="s">
        <v>171</v>
      </c>
      <c r="J69" s="12" t="s">
        <v>279</v>
      </c>
      <c r="K69" s="12" t="s">
        <v>276</v>
      </c>
      <c r="L69" s="30">
        <v>44197</v>
      </c>
    </row>
    <row r="70" spans="1:13" ht="26.25" customHeight="1" x14ac:dyDescent="0.15">
      <c r="A70" s="9">
        <v>69</v>
      </c>
      <c r="B70" s="12">
        <v>1690101397</v>
      </c>
      <c r="C70" s="16" t="s">
        <v>255</v>
      </c>
      <c r="D70" s="16">
        <v>18</v>
      </c>
      <c r="E70" s="12">
        <v>9398132</v>
      </c>
      <c r="F70" s="19" t="s">
        <v>275</v>
      </c>
      <c r="G70" s="12" t="s">
        <v>870</v>
      </c>
      <c r="H70" s="12" t="s">
        <v>171</v>
      </c>
      <c r="I70" s="12" t="s">
        <v>171</v>
      </c>
      <c r="J70" s="12" t="s">
        <v>158</v>
      </c>
      <c r="K70" s="12" t="s">
        <v>274</v>
      </c>
      <c r="L70" s="30">
        <v>44287</v>
      </c>
    </row>
    <row r="71" spans="1:13" ht="26.25" customHeight="1" x14ac:dyDescent="0.15">
      <c r="A71" s="9">
        <v>70</v>
      </c>
      <c r="B71" s="12">
        <v>1690101405</v>
      </c>
      <c r="C71" s="16" t="s">
        <v>270</v>
      </c>
      <c r="D71" s="16">
        <v>10</v>
      </c>
      <c r="E71" s="12">
        <v>9392753</v>
      </c>
      <c r="F71" s="19" t="s">
        <v>267</v>
      </c>
      <c r="G71" s="12" t="s">
        <v>396</v>
      </c>
      <c r="H71" s="12" t="s">
        <v>171</v>
      </c>
      <c r="I71" s="12" t="s">
        <v>171</v>
      </c>
      <c r="J71" s="12" t="s">
        <v>266</v>
      </c>
      <c r="K71" s="12" t="s">
        <v>264</v>
      </c>
      <c r="L71" s="30">
        <v>44287</v>
      </c>
    </row>
    <row r="72" spans="1:13" ht="26.25" customHeight="1" x14ac:dyDescent="0.15">
      <c r="A72" s="9">
        <v>71</v>
      </c>
      <c r="B72" s="12">
        <v>1690101413</v>
      </c>
      <c r="C72" s="16" t="s">
        <v>688</v>
      </c>
      <c r="D72" s="16">
        <v>13</v>
      </c>
      <c r="E72" s="12">
        <v>9300916</v>
      </c>
      <c r="F72" s="19" t="s">
        <v>871</v>
      </c>
      <c r="G72" s="12" t="s">
        <v>804</v>
      </c>
      <c r="H72" s="12" t="s">
        <v>171</v>
      </c>
      <c r="I72" s="12" t="s">
        <v>171</v>
      </c>
      <c r="J72" s="12" t="s">
        <v>263</v>
      </c>
      <c r="K72" s="12" t="s">
        <v>263</v>
      </c>
      <c r="L72" s="30">
        <v>44348</v>
      </c>
    </row>
    <row r="73" spans="1:13" ht="26.25" customHeight="1" x14ac:dyDescent="0.15">
      <c r="A73" s="9">
        <v>72</v>
      </c>
      <c r="B73" s="12">
        <v>1690101421</v>
      </c>
      <c r="C73" s="16" t="s">
        <v>17</v>
      </c>
      <c r="D73" s="16">
        <v>10</v>
      </c>
      <c r="E73" s="12">
        <v>9392718</v>
      </c>
      <c r="F73" s="19" t="s">
        <v>394</v>
      </c>
      <c r="G73" s="12" t="s">
        <v>396</v>
      </c>
      <c r="H73" s="12" t="s">
        <v>171</v>
      </c>
      <c r="I73" s="12" t="s">
        <v>171</v>
      </c>
      <c r="J73" s="12" t="s">
        <v>261</v>
      </c>
      <c r="K73" s="12" t="s">
        <v>259</v>
      </c>
      <c r="L73" s="30">
        <v>44348</v>
      </c>
    </row>
    <row r="74" spans="1:13" ht="26.25" customHeight="1" x14ac:dyDescent="0.15">
      <c r="A74" s="9">
        <v>73</v>
      </c>
      <c r="B74" s="12">
        <v>1690101454</v>
      </c>
      <c r="C74" s="16" t="s">
        <v>872</v>
      </c>
      <c r="D74" s="16">
        <v>10</v>
      </c>
      <c r="E74" s="12">
        <v>9318336</v>
      </c>
      <c r="F74" s="19" t="s">
        <v>680</v>
      </c>
      <c r="G74" s="26" t="s">
        <v>873</v>
      </c>
      <c r="H74" s="12" t="s">
        <v>171</v>
      </c>
      <c r="I74" s="12" t="s">
        <v>171</v>
      </c>
      <c r="J74" s="12" t="s">
        <v>257</v>
      </c>
      <c r="K74" s="12" t="s">
        <v>254</v>
      </c>
      <c r="L74" s="30">
        <v>44621</v>
      </c>
      <c r="M74" s="45"/>
    </row>
    <row r="75" spans="1:13" ht="26.25" customHeight="1" x14ac:dyDescent="0.15">
      <c r="A75" s="9">
        <v>74</v>
      </c>
      <c r="B75" s="12">
        <v>1690101470</v>
      </c>
      <c r="C75" s="16" t="s">
        <v>284</v>
      </c>
      <c r="D75" s="16">
        <v>15</v>
      </c>
      <c r="E75" s="12">
        <v>9398195</v>
      </c>
      <c r="F75" s="19" t="s">
        <v>831</v>
      </c>
      <c r="G75" s="26" t="s">
        <v>253</v>
      </c>
      <c r="H75" s="12" t="s">
        <v>171</v>
      </c>
      <c r="I75" s="12" t="s">
        <v>171</v>
      </c>
      <c r="J75" s="12" t="s">
        <v>244</v>
      </c>
      <c r="K75" s="12" t="s">
        <v>251</v>
      </c>
      <c r="L75" s="30">
        <v>44713</v>
      </c>
      <c r="M75" s="45"/>
    </row>
    <row r="76" spans="1:13" ht="26.25" customHeight="1" x14ac:dyDescent="0.15">
      <c r="A76" s="9">
        <v>75</v>
      </c>
      <c r="B76" s="12">
        <v>1690101231</v>
      </c>
      <c r="C76" s="16" t="s">
        <v>874</v>
      </c>
      <c r="D76" s="16">
        <v>18</v>
      </c>
      <c r="E76" s="12" t="s">
        <v>249</v>
      </c>
      <c r="F76" s="19" t="s">
        <v>246</v>
      </c>
      <c r="G76" s="26" t="s">
        <v>223</v>
      </c>
      <c r="H76" s="12" t="s">
        <v>171</v>
      </c>
      <c r="I76" s="12" t="s">
        <v>171</v>
      </c>
      <c r="J76" s="12" t="s">
        <v>245</v>
      </c>
      <c r="K76" s="12" t="s">
        <v>241</v>
      </c>
      <c r="L76" s="30">
        <v>43862</v>
      </c>
      <c r="M76" s="45"/>
    </row>
    <row r="77" spans="1:13" ht="26.25" customHeight="1" x14ac:dyDescent="0.15">
      <c r="A77" s="9">
        <v>76</v>
      </c>
      <c r="B77" s="12">
        <v>1690101728</v>
      </c>
      <c r="C77" s="16" t="s">
        <v>239</v>
      </c>
      <c r="D77" s="16">
        <v>10</v>
      </c>
      <c r="E77" s="12">
        <v>9398071</v>
      </c>
      <c r="F77" s="19" t="s">
        <v>489</v>
      </c>
      <c r="G77" s="26" t="s">
        <v>237</v>
      </c>
      <c r="H77" s="12" t="s">
        <v>171</v>
      </c>
      <c r="I77" s="12" t="s">
        <v>171</v>
      </c>
      <c r="J77" s="12" t="s">
        <v>182</v>
      </c>
      <c r="K77" s="12" t="s">
        <v>182</v>
      </c>
      <c r="L77" s="30">
        <v>44896</v>
      </c>
      <c r="M77" s="46"/>
    </row>
    <row r="78" spans="1:13" ht="26.25" customHeight="1" x14ac:dyDescent="0.15">
      <c r="A78" s="9">
        <v>77</v>
      </c>
      <c r="B78" s="12">
        <v>1690101504</v>
      </c>
      <c r="C78" s="16" t="s">
        <v>875</v>
      </c>
      <c r="D78" s="16">
        <v>15</v>
      </c>
      <c r="E78" s="12">
        <v>9302236</v>
      </c>
      <c r="F78" s="19" t="s">
        <v>137</v>
      </c>
      <c r="G78" s="12" t="s">
        <v>802</v>
      </c>
      <c r="H78" s="12" t="s">
        <v>171</v>
      </c>
      <c r="I78" s="12" t="s">
        <v>171</v>
      </c>
      <c r="J78" s="12" t="s">
        <v>230</v>
      </c>
      <c r="K78" s="12" t="s">
        <v>10</v>
      </c>
      <c r="L78" s="30">
        <v>44927</v>
      </c>
      <c r="M78" s="45"/>
    </row>
    <row r="79" spans="1:13" ht="26.25" customHeight="1" x14ac:dyDescent="0.15">
      <c r="A79" s="9">
        <v>78</v>
      </c>
      <c r="B79" s="12">
        <v>1690101520</v>
      </c>
      <c r="C79" s="16" t="s">
        <v>834</v>
      </c>
      <c r="D79" s="16">
        <v>10</v>
      </c>
      <c r="E79" s="12">
        <v>9300835</v>
      </c>
      <c r="F79" s="19" t="s">
        <v>876</v>
      </c>
      <c r="G79" s="12" t="s">
        <v>667</v>
      </c>
      <c r="H79" s="12" t="s">
        <v>171</v>
      </c>
      <c r="I79" s="12" t="s">
        <v>171</v>
      </c>
      <c r="J79" s="12" t="s">
        <v>227</v>
      </c>
      <c r="K79" s="12" t="s">
        <v>58</v>
      </c>
      <c r="L79" s="30">
        <v>44986</v>
      </c>
      <c r="M79" s="45"/>
    </row>
    <row r="80" spans="1:13" ht="26.25" customHeight="1" x14ac:dyDescent="0.15">
      <c r="A80" s="9">
        <v>79</v>
      </c>
      <c r="B80" s="12">
        <v>1670112398</v>
      </c>
      <c r="C80" s="16" t="s">
        <v>224</v>
      </c>
      <c r="D80" s="16">
        <v>10</v>
      </c>
      <c r="E80" s="12" t="s">
        <v>222</v>
      </c>
      <c r="F80" s="19" t="s">
        <v>220</v>
      </c>
      <c r="G80" s="12" t="s">
        <v>123</v>
      </c>
      <c r="H80" s="12" t="s">
        <v>171</v>
      </c>
      <c r="I80" s="12" t="s">
        <v>171</v>
      </c>
      <c r="J80" s="12" t="s">
        <v>216</v>
      </c>
      <c r="K80" s="12" t="s">
        <v>215</v>
      </c>
      <c r="L80" s="30">
        <v>42461</v>
      </c>
      <c r="M80" s="45"/>
    </row>
    <row r="81" spans="1:13" ht="26.25" customHeight="1" x14ac:dyDescent="0.15">
      <c r="A81" s="9">
        <v>80</v>
      </c>
      <c r="B81" s="12">
        <v>1690101538</v>
      </c>
      <c r="C81" s="16" t="s">
        <v>214</v>
      </c>
      <c r="D81" s="16">
        <v>10</v>
      </c>
      <c r="E81" s="12">
        <v>9300847</v>
      </c>
      <c r="F81" s="19" t="s">
        <v>212</v>
      </c>
      <c r="G81" s="12" t="s">
        <v>205</v>
      </c>
      <c r="H81" s="12" t="s">
        <v>171</v>
      </c>
      <c r="I81" s="12" t="s">
        <v>171</v>
      </c>
      <c r="J81" s="12" t="s">
        <v>203</v>
      </c>
      <c r="K81" s="12" t="s">
        <v>200</v>
      </c>
      <c r="L81" s="30">
        <v>45017</v>
      </c>
      <c r="M81" s="45"/>
    </row>
    <row r="82" spans="1:13" ht="26.25" customHeight="1" x14ac:dyDescent="0.15">
      <c r="A82" s="9">
        <v>81</v>
      </c>
      <c r="B82" s="12">
        <v>1690101546</v>
      </c>
      <c r="C82" s="16" t="s">
        <v>198</v>
      </c>
      <c r="D82" s="16">
        <v>15</v>
      </c>
      <c r="E82" s="12" t="s">
        <v>114</v>
      </c>
      <c r="F82" s="19" t="s">
        <v>195</v>
      </c>
      <c r="G82" s="12" t="s">
        <v>396</v>
      </c>
      <c r="H82" s="12" t="s">
        <v>171</v>
      </c>
      <c r="I82" s="12" t="s">
        <v>171</v>
      </c>
      <c r="J82" s="12" t="s">
        <v>192</v>
      </c>
      <c r="K82" s="12" t="s">
        <v>57</v>
      </c>
      <c r="L82" s="30">
        <v>45047</v>
      </c>
      <c r="M82" s="45"/>
    </row>
    <row r="83" spans="1:13" ht="26.25" customHeight="1" x14ac:dyDescent="0.15">
      <c r="A83" s="9">
        <v>82</v>
      </c>
      <c r="B83" s="12">
        <v>1690101561</v>
      </c>
      <c r="C83" s="16" t="s">
        <v>191</v>
      </c>
      <c r="D83" s="16">
        <v>18</v>
      </c>
      <c r="E83" s="12">
        <v>9392376</v>
      </c>
      <c r="F83" s="16" t="s">
        <v>877</v>
      </c>
      <c r="G83" s="12" t="s">
        <v>791</v>
      </c>
      <c r="H83" s="12" t="s">
        <v>171</v>
      </c>
      <c r="I83" s="12" t="s">
        <v>171</v>
      </c>
      <c r="J83" s="12" t="s">
        <v>185</v>
      </c>
      <c r="K83" s="12" t="s">
        <v>181</v>
      </c>
      <c r="L83" s="30">
        <v>45139</v>
      </c>
    </row>
    <row r="84" spans="1:13" ht="26.25" customHeight="1" x14ac:dyDescent="0.15">
      <c r="A84" s="9">
        <v>83</v>
      </c>
      <c r="B84" s="12">
        <v>1690101587</v>
      </c>
      <c r="C84" s="16" t="s">
        <v>177</v>
      </c>
      <c r="D84" s="16">
        <v>10</v>
      </c>
      <c r="E84" s="12">
        <v>9398025</v>
      </c>
      <c r="F84" s="16" t="s">
        <v>175</v>
      </c>
      <c r="G84" s="12" t="s">
        <v>655</v>
      </c>
      <c r="H84" s="12" t="s">
        <v>171</v>
      </c>
      <c r="I84" s="12" t="s">
        <v>171</v>
      </c>
      <c r="J84" s="12" t="s">
        <v>95</v>
      </c>
      <c r="K84" s="12" t="s">
        <v>170</v>
      </c>
      <c r="L84" s="30">
        <v>45200</v>
      </c>
    </row>
    <row r="85" spans="1:13" ht="26.25" customHeight="1" x14ac:dyDescent="0.15">
      <c r="A85" s="9">
        <v>84</v>
      </c>
      <c r="B85" s="12">
        <v>1690101637</v>
      </c>
      <c r="C85" s="16" t="s">
        <v>739</v>
      </c>
      <c r="D85" s="16">
        <v>10</v>
      </c>
      <c r="E85" s="12">
        <v>9398132</v>
      </c>
      <c r="F85" s="16" t="s">
        <v>703</v>
      </c>
      <c r="G85" s="12" t="s">
        <v>870</v>
      </c>
      <c r="H85" s="12" t="s">
        <v>171</v>
      </c>
      <c r="I85" s="12" t="s">
        <v>171</v>
      </c>
      <c r="J85" s="12" t="s">
        <v>813</v>
      </c>
      <c r="K85" s="12" t="s">
        <v>814</v>
      </c>
      <c r="L85" s="30">
        <v>45383</v>
      </c>
    </row>
    <row r="86" spans="1:13" ht="26.25" customHeight="1" x14ac:dyDescent="0.15">
      <c r="A86" s="9">
        <v>85</v>
      </c>
      <c r="B86" s="12">
        <v>1690101686</v>
      </c>
      <c r="C86" s="16" t="s">
        <v>733</v>
      </c>
      <c r="D86" s="16">
        <v>10</v>
      </c>
      <c r="E86" s="12">
        <v>9398096</v>
      </c>
      <c r="F86" s="16" t="s">
        <v>878</v>
      </c>
      <c r="G86" s="12" t="s">
        <v>855</v>
      </c>
      <c r="H86" s="12" t="s">
        <v>171</v>
      </c>
      <c r="I86" s="12" t="s">
        <v>171</v>
      </c>
      <c r="J86" s="12" t="s">
        <v>853</v>
      </c>
      <c r="K86" s="12" t="s">
        <v>853</v>
      </c>
      <c r="L86" s="30">
        <v>45566</v>
      </c>
    </row>
    <row r="87" spans="1:13" ht="26.25" customHeight="1" x14ac:dyDescent="0.15">
      <c r="A87" s="9">
        <v>86</v>
      </c>
      <c r="B87" s="12">
        <v>1690101694</v>
      </c>
      <c r="C87" s="16" t="s">
        <v>612</v>
      </c>
      <c r="D87" s="16">
        <v>18</v>
      </c>
      <c r="E87" s="12">
        <v>9300068</v>
      </c>
      <c r="F87" s="16" t="s">
        <v>196</v>
      </c>
      <c r="G87" s="12" t="s">
        <v>439</v>
      </c>
      <c r="H87" s="12" t="s">
        <v>171</v>
      </c>
      <c r="I87" s="12" t="s">
        <v>171</v>
      </c>
      <c r="J87" s="12" t="s">
        <v>857</v>
      </c>
      <c r="K87" s="12" t="s">
        <v>880</v>
      </c>
      <c r="L87" s="30">
        <v>45748</v>
      </c>
    </row>
    <row r="88" spans="1:13" ht="26.25" customHeight="1" x14ac:dyDescent="0.15">
      <c r="A88" s="9">
        <v>87</v>
      </c>
      <c r="B88" s="12">
        <v>1690101710</v>
      </c>
      <c r="C88" s="16" t="s">
        <v>529</v>
      </c>
      <c r="D88" s="16">
        <v>18</v>
      </c>
      <c r="E88" s="12">
        <v>9318332</v>
      </c>
      <c r="F88" s="16" t="s">
        <v>881</v>
      </c>
      <c r="G88" s="12" t="s">
        <v>338</v>
      </c>
      <c r="H88" s="12" t="s">
        <v>171</v>
      </c>
      <c r="I88" s="12" t="s">
        <v>171</v>
      </c>
      <c r="J88" s="12" t="s">
        <v>882</v>
      </c>
      <c r="K88" s="12" t="s">
        <v>882</v>
      </c>
      <c r="L88" s="30">
        <v>45748</v>
      </c>
    </row>
    <row r="89" spans="1:13" ht="26.25" customHeight="1" x14ac:dyDescent="0.15">
      <c r="A89" s="9">
        <v>88</v>
      </c>
      <c r="B89" s="12">
        <v>1690101736</v>
      </c>
      <c r="C89" s="16" t="s">
        <v>38</v>
      </c>
      <c r="D89" s="16">
        <v>10</v>
      </c>
      <c r="E89" s="12">
        <v>9398015</v>
      </c>
      <c r="F89" s="16" t="s">
        <v>437</v>
      </c>
      <c r="G89" s="12" t="s">
        <v>883</v>
      </c>
      <c r="H89" s="12" t="s">
        <v>171</v>
      </c>
      <c r="I89" s="12" t="s">
        <v>171</v>
      </c>
      <c r="J89" s="12" t="s">
        <v>598</v>
      </c>
      <c r="K89" s="12" t="s">
        <v>247</v>
      </c>
      <c r="L89" s="30">
        <v>45778</v>
      </c>
    </row>
    <row r="90" spans="1:13" ht="26.25" customHeight="1" x14ac:dyDescent="0.15">
      <c r="A90" s="9">
        <v>89</v>
      </c>
      <c r="B90" s="12">
        <v>1690101744</v>
      </c>
      <c r="C90" s="16" t="s">
        <v>217</v>
      </c>
      <c r="D90" s="16">
        <v>18</v>
      </c>
      <c r="E90" s="12" t="s">
        <v>54</v>
      </c>
      <c r="F90" s="16" t="s">
        <v>154</v>
      </c>
      <c r="G90" s="12" t="s">
        <v>304</v>
      </c>
      <c r="H90" s="12" t="s">
        <v>171</v>
      </c>
      <c r="I90" s="12" t="s">
        <v>171</v>
      </c>
      <c r="J90" s="12" t="s">
        <v>428</v>
      </c>
      <c r="K90" s="12" t="s">
        <v>425</v>
      </c>
      <c r="L90" s="30">
        <v>45870</v>
      </c>
    </row>
    <row r="91" spans="1:13" ht="26.25" customHeight="1" x14ac:dyDescent="0.15">
      <c r="A91" s="9">
        <v>90</v>
      </c>
      <c r="B91" s="12">
        <v>1690101751</v>
      </c>
      <c r="C91" s="16" t="s">
        <v>887</v>
      </c>
      <c r="D91" s="16">
        <v>18</v>
      </c>
      <c r="E91" s="12">
        <v>9392713</v>
      </c>
      <c r="F91" s="16" t="s">
        <v>879</v>
      </c>
      <c r="G91" s="12" t="s">
        <v>396</v>
      </c>
      <c r="H91" s="12" t="s">
        <v>171</v>
      </c>
      <c r="I91" s="12" t="s">
        <v>171</v>
      </c>
      <c r="J91" s="12" t="s">
        <v>233</v>
      </c>
      <c r="K91" s="12" t="s">
        <v>231</v>
      </c>
      <c r="L91" s="30">
        <v>45901</v>
      </c>
    </row>
    <row r="92" spans="1:13" ht="26.25" customHeight="1" x14ac:dyDescent="0.15">
      <c r="A92" s="10"/>
      <c r="B92" s="15"/>
      <c r="C92" s="21" t="s">
        <v>4</v>
      </c>
      <c r="D92" s="41">
        <f>SUM(D2:D91)</f>
        <v>1289</v>
      </c>
      <c r="E92" s="15"/>
      <c r="F92" s="42"/>
      <c r="G92" s="28"/>
      <c r="H92" s="28"/>
      <c r="I92" s="28"/>
      <c r="J92" s="15"/>
      <c r="K92" s="15"/>
      <c r="L92" s="33"/>
    </row>
    <row r="94" spans="1:13" x14ac:dyDescent="0.15">
      <c r="D94" s="74"/>
      <c r="E94" s="75"/>
      <c r="F94" s="75"/>
    </row>
  </sheetData>
  <mergeCells count="1">
    <mergeCell ref="D94:F94"/>
  </mergeCells>
  <phoneticPr fontId="2"/>
  <printOptions horizontalCentered="1" gridLines="1"/>
  <pageMargins left="0.59055118110236227" right="0.59055118110236227" top="0.70866141732283472" bottom="0.39370078740157483" header="0.51181102362204722" footer="0.19685039370078741"/>
  <pageSetup paperSize="9" scale="67" fitToHeight="0" orientation="landscape" r:id="rId1"/>
  <headerFooter alignWithMargins="0">
    <oddHeader>&amp;C&amp;14地域密着型通所介護事業所一覧</oddHeader>
    <oddFooter>&amp;C&amp;P&amp;R(&amp;A)</oddFooter>
  </headerFooter>
  <rowBreaks count="2" manualBreakCount="2">
    <brk id="24" max="11" man="1"/>
    <brk id="48" max="11" man="1"/>
  </rowBreaks>
  <ignoredErrors>
    <ignoredError sqref="E4:E91 E2:E3 B62:B63" numberStoredAsText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A1:I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8.625" style="35" customWidth="1"/>
    <col min="4" max="4" width="10.625" style="1" customWidth="1"/>
    <col min="5" max="5" width="40.625" style="35" customWidth="1"/>
    <col min="6" max="6" width="10.625" style="35" customWidth="1"/>
    <col min="7" max="8" width="15.625" style="1" customWidth="1"/>
    <col min="9" max="9" width="9.625" style="1" customWidth="1"/>
    <col min="10" max="16384" width="9" style="1"/>
  </cols>
  <sheetData>
    <row r="1" spans="1:9" s="6" customFormat="1" ht="37.35" customHeight="1" x14ac:dyDescent="0.15">
      <c r="A1" s="26"/>
      <c r="B1" s="26" t="s">
        <v>149</v>
      </c>
      <c r="C1" s="26" t="s">
        <v>169</v>
      </c>
      <c r="D1" s="26" t="s">
        <v>163</v>
      </c>
      <c r="E1" s="26" t="s">
        <v>162</v>
      </c>
      <c r="F1" s="26" t="s">
        <v>639</v>
      </c>
      <c r="G1" s="26" t="s">
        <v>157</v>
      </c>
      <c r="H1" s="26" t="s">
        <v>155</v>
      </c>
      <c r="I1" s="26" t="s">
        <v>150</v>
      </c>
    </row>
    <row r="2" spans="1:9" ht="26.25" customHeight="1" x14ac:dyDescent="0.15">
      <c r="A2" s="16">
        <v>1</v>
      </c>
      <c r="B2" s="12">
        <v>1690100704</v>
      </c>
      <c r="C2" s="19" t="s">
        <v>637</v>
      </c>
      <c r="D2" s="12">
        <v>9300955</v>
      </c>
      <c r="E2" s="19" t="s">
        <v>634</v>
      </c>
      <c r="F2" s="26" t="s">
        <v>287</v>
      </c>
      <c r="G2" s="12" t="s">
        <v>633</v>
      </c>
      <c r="H2" s="12" t="s">
        <v>159</v>
      </c>
      <c r="I2" s="48">
        <v>41000</v>
      </c>
    </row>
    <row r="3" spans="1:9" ht="26.25" customHeight="1" x14ac:dyDescent="0.15">
      <c r="A3" s="16">
        <v>2</v>
      </c>
      <c r="B3" s="12">
        <v>1690100738</v>
      </c>
      <c r="C3" s="19" t="s">
        <v>47</v>
      </c>
      <c r="D3" s="12">
        <v>9392612</v>
      </c>
      <c r="E3" s="19" t="s">
        <v>370</v>
      </c>
      <c r="F3" s="26" t="s">
        <v>194</v>
      </c>
      <c r="G3" s="12" t="s">
        <v>523</v>
      </c>
      <c r="H3" s="12" t="s">
        <v>522</v>
      </c>
      <c r="I3" s="48">
        <v>41579</v>
      </c>
    </row>
    <row r="4" spans="1:9" ht="26.25" customHeight="1" x14ac:dyDescent="0.15">
      <c r="A4" s="16">
        <v>3</v>
      </c>
      <c r="B4" s="12">
        <v>1690100886</v>
      </c>
      <c r="C4" s="19" t="s">
        <v>25</v>
      </c>
      <c r="D4" s="12">
        <v>9398045</v>
      </c>
      <c r="E4" s="19" t="s">
        <v>631</v>
      </c>
      <c r="F4" s="26" t="s">
        <v>59</v>
      </c>
      <c r="G4" s="12" t="s">
        <v>382</v>
      </c>
      <c r="H4" s="12" t="s">
        <v>83</v>
      </c>
      <c r="I4" s="48">
        <v>42705</v>
      </c>
    </row>
    <row r="5" spans="1:9" ht="26.25" customHeight="1" x14ac:dyDescent="0.15">
      <c r="A5" s="16">
        <v>4</v>
      </c>
      <c r="B5" s="12">
        <v>1690100977</v>
      </c>
      <c r="C5" s="16" t="s">
        <v>629</v>
      </c>
      <c r="D5" s="12">
        <v>9392252</v>
      </c>
      <c r="E5" s="16" t="s">
        <v>313</v>
      </c>
      <c r="F5" s="12" t="s">
        <v>70</v>
      </c>
      <c r="G5" s="12" t="s">
        <v>628</v>
      </c>
      <c r="H5" s="12" t="s">
        <v>593</v>
      </c>
      <c r="I5" s="48">
        <v>42887</v>
      </c>
    </row>
    <row r="6" spans="1:9" ht="26.25" customHeight="1" x14ac:dyDescent="0.15">
      <c r="A6" s="16">
        <v>5</v>
      </c>
      <c r="B6" s="12">
        <v>1690101371</v>
      </c>
      <c r="C6" s="47" t="s">
        <v>891</v>
      </c>
      <c r="D6" s="12">
        <v>9318314</v>
      </c>
      <c r="E6" s="16" t="s">
        <v>354</v>
      </c>
      <c r="F6" s="12" t="s">
        <v>325</v>
      </c>
      <c r="G6" s="12" t="s">
        <v>660</v>
      </c>
      <c r="H6" s="12" t="s">
        <v>124</v>
      </c>
      <c r="I6" s="48">
        <v>44256</v>
      </c>
    </row>
    <row r="7" spans="1:9" ht="26.25" customHeight="1" x14ac:dyDescent="0.15">
      <c r="A7" s="16">
        <v>6</v>
      </c>
      <c r="B7" s="12">
        <v>1690101629</v>
      </c>
      <c r="C7" s="47" t="s">
        <v>795</v>
      </c>
      <c r="D7" s="12">
        <v>9392376</v>
      </c>
      <c r="E7" s="19" t="s">
        <v>547</v>
      </c>
      <c r="F7" s="12" t="s">
        <v>190</v>
      </c>
      <c r="G7" s="12" t="s">
        <v>796</v>
      </c>
      <c r="H7" s="12" t="s">
        <v>797</v>
      </c>
      <c r="I7" s="48">
        <v>45352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5" orientation="landscape" r:id="rId1"/>
  <headerFooter alignWithMargins="0">
    <oddHeader>&amp;C&amp;14定期巡回・随時対応型訪問介護看護事業所一覧</oddHeader>
    <oddFooter>&amp;C&amp;P&amp;R(&amp;A)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9"/>
  </sheetPr>
  <dimension ref="A1:I2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35" customWidth="1"/>
    <col min="4" max="4" width="10.625" style="1" customWidth="1"/>
    <col min="5" max="5" width="39.625" style="35" customWidth="1"/>
    <col min="6" max="6" width="10.625" style="1" customWidth="1"/>
    <col min="7" max="8" width="15.625" style="1" customWidth="1"/>
    <col min="9" max="9" width="9.625" style="7" customWidth="1"/>
    <col min="10" max="16384" width="9" style="1"/>
  </cols>
  <sheetData>
    <row r="1" spans="1:9" s="6" customFormat="1" ht="37.35" customHeight="1" x14ac:dyDescent="0.15">
      <c r="A1" s="8"/>
      <c r="B1" s="11" t="s">
        <v>149</v>
      </c>
      <c r="C1" s="11" t="s">
        <v>169</v>
      </c>
      <c r="D1" s="11" t="s">
        <v>163</v>
      </c>
      <c r="E1" s="11" t="s">
        <v>162</v>
      </c>
      <c r="F1" s="11" t="s">
        <v>160</v>
      </c>
      <c r="G1" s="11" t="s">
        <v>157</v>
      </c>
      <c r="H1" s="11" t="s">
        <v>155</v>
      </c>
      <c r="I1" s="29" t="s">
        <v>150</v>
      </c>
    </row>
    <row r="2" spans="1:9" ht="26.25" customHeight="1" x14ac:dyDescent="0.15">
      <c r="A2" s="10">
        <v>1</v>
      </c>
      <c r="B2" s="21">
        <v>1690100258</v>
      </c>
      <c r="C2" s="42" t="s">
        <v>637</v>
      </c>
      <c r="D2" s="21">
        <v>9300955</v>
      </c>
      <c r="E2" s="42" t="s">
        <v>634</v>
      </c>
      <c r="F2" s="21" t="s">
        <v>287</v>
      </c>
      <c r="G2" s="21" t="s">
        <v>633</v>
      </c>
      <c r="H2" s="21" t="s">
        <v>159</v>
      </c>
      <c r="I2" s="33">
        <v>39873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0" orientation="landscape" r:id="rId1"/>
  <headerFooter alignWithMargins="0">
    <oddHeader>&amp;C&amp;14夜間対応型訪問介護事業所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/>
    <pageSetUpPr fitToPage="1"/>
  </sheetPr>
  <dimension ref="A1:L45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35" customWidth="1"/>
    <col min="4" max="4" width="7.625" style="1" customWidth="1"/>
    <col min="5" max="5" width="10.625" style="1" customWidth="1"/>
    <col min="6" max="6" width="33.625" style="1" customWidth="1"/>
    <col min="7" max="7" width="10.625" style="6" customWidth="1"/>
    <col min="8" max="9" width="9.625" style="6" customWidth="1"/>
    <col min="10" max="11" width="15.625" style="35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0</v>
      </c>
      <c r="E1" s="11" t="s">
        <v>163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70100369</v>
      </c>
      <c r="C2" s="19" t="s">
        <v>815</v>
      </c>
      <c r="D2" s="16">
        <v>9</v>
      </c>
      <c r="E2" s="12">
        <v>9393515</v>
      </c>
      <c r="F2" s="16" t="s">
        <v>816</v>
      </c>
      <c r="G2" s="26" t="s">
        <v>817</v>
      </c>
      <c r="H2" s="12" t="s">
        <v>171</v>
      </c>
      <c r="I2" s="12" t="s">
        <v>171</v>
      </c>
      <c r="J2" s="12" t="s">
        <v>719</v>
      </c>
      <c r="K2" s="12" t="s">
        <v>719</v>
      </c>
      <c r="L2" s="30">
        <v>36570</v>
      </c>
    </row>
    <row r="3" spans="1:12" ht="26.25" customHeight="1" x14ac:dyDescent="0.15">
      <c r="A3" s="9">
        <v>2</v>
      </c>
      <c r="B3" s="12">
        <v>1671800280</v>
      </c>
      <c r="C3" s="19" t="s">
        <v>818</v>
      </c>
      <c r="D3" s="16">
        <v>9</v>
      </c>
      <c r="E3" s="12">
        <v>9392741</v>
      </c>
      <c r="F3" s="16" t="s">
        <v>651</v>
      </c>
      <c r="G3" s="26" t="s">
        <v>272</v>
      </c>
      <c r="H3" s="12" t="s">
        <v>171</v>
      </c>
      <c r="I3" s="12" t="s">
        <v>171</v>
      </c>
      <c r="J3" s="12" t="s">
        <v>717</v>
      </c>
      <c r="K3" s="12" t="s">
        <v>716</v>
      </c>
      <c r="L3" s="30">
        <v>37225</v>
      </c>
    </row>
    <row r="4" spans="1:12" ht="26.25" customHeight="1" x14ac:dyDescent="0.15">
      <c r="A4" s="9">
        <v>3</v>
      </c>
      <c r="B4" s="12">
        <v>1671800306</v>
      </c>
      <c r="C4" s="19" t="s">
        <v>819</v>
      </c>
      <c r="D4" s="16">
        <v>18</v>
      </c>
      <c r="E4" s="12">
        <v>9392722</v>
      </c>
      <c r="F4" s="16" t="s">
        <v>820</v>
      </c>
      <c r="G4" s="26" t="s">
        <v>272</v>
      </c>
      <c r="H4" s="12" t="s">
        <v>171</v>
      </c>
      <c r="I4" s="12" t="s">
        <v>171</v>
      </c>
      <c r="J4" s="12" t="s">
        <v>122</v>
      </c>
      <c r="K4" s="12" t="s">
        <v>715</v>
      </c>
      <c r="L4" s="30">
        <v>37408</v>
      </c>
    </row>
    <row r="5" spans="1:12" ht="26.25" customHeight="1" x14ac:dyDescent="0.15">
      <c r="A5" s="9">
        <v>4</v>
      </c>
      <c r="B5" s="12">
        <v>1670102050</v>
      </c>
      <c r="C5" s="19" t="s">
        <v>714</v>
      </c>
      <c r="D5" s="16">
        <v>18</v>
      </c>
      <c r="E5" s="12">
        <v>9398222</v>
      </c>
      <c r="F5" s="16" t="s">
        <v>686</v>
      </c>
      <c r="G5" s="26" t="s">
        <v>821</v>
      </c>
      <c r="H5" s="12" t="s">
        <v>171</v>
      </c>
      <c r="I5" s="12" t="s">
        <v>171</v>
      </c>
      <c r="J5" s="12" t="s">
        <v>713</v>
      </c>
      <c r="K5" s="12" t="s">
        <v>712</v>
      </c>
      <c r="L5" s="30">
        <v>37568</v>
      </c>
    </row>
    <row r="6" spans="1:12" ht="26.25" customHeight="1" x14ac:dyDescent="0.15">
      <c r="A6" s="9">
        <v>5</v>
      </c>
      <c r="B6" s="12">
        <v>1670102183</v>
      </c>
      <c r="C6" s="19" t="s">
        <v>487</v>
      </c>
      <c r="D6" s="16">
        <v>9</v>
      </c>
      <c r="E6" s="12">
        <v>9300103</v>
      </c>
      <c r="F6" s="16" t="s">
        <v>822</v>
      </c>
      <c r="G6" s="26" t="s">
        <v>161</v>
      </c>
      <c r="H6" s="12" t="s">
        <v>171</v>
      </c>
      <c r="I6" s="12" t="s">
        <v>171</v>
      </c>
      <c r="J6" s="12" t="s">
        <v>183</v>
      </c>
      <c r="K6" s="12" t="s">
        <v>397</v>
      </c>
      <c r="L6" s="30">
        <v>37711</v>
      </c>
    </row>
    <row r="7" spans="1:12" ht="26.25" customHeight="1" x14ac:dyDescent="0.15">
      <c r="A7" s="9">
        <v>6</v>
      </c>
      <c r="B7" s="12">
        <v>1670102225</v>
      </c>
      <c r="C7" s="19" t="s">
        <v>823</v>
      </c>
      <c r="D7" s="16">
        <v>18</v>
      </c>
      <c r="E7" s="12">
        <v>9398071</v>
      </c>
      <c r="F7" s="16" t="s">
        <v>749</v>
      </c>
      <c r="G7" s="26" t="s">
        <v>821</v>
      </c>
      <c r="H7" s="12" t="s">
        <v>171</v>
      </c>
      <c r="I7" s="12" t="s">
        <v>171</v>
      </c>
      <c r="J7" s="12" t="s">
        <v>710</v>
      </c>
      <c r="K7" s="12" t="s">
        <v>665</v>
      </c>
      <c r="L7" s="30">
        <v>37711</v>
      </c>
    </row>
    <row r="8" spans="1:12" ht="26.25" customHeight="1" x14ac:dyDescent="0.15">
      <c r="A8" s="9">
        <v>7</v>
      </c>
      <c r="B8" s="12">
        <v>1670102332</v>
      </c>
      <c r="C8" s="19" t="s">
        <v>318</v>
      </c>
      <c r="D8" s="16">
        <v>18</v>
      </c>
      <c r="E8" s="12">
        <v>9390546</v>
      </c>
      <c r="F8" s="16" t="s">
        <v>108</v>
      </c>
      <c r="G8" s="26" t="s">
        <v>26</v>
      </c>
      <c r="H8" s="12" t="s">
        <v>171</v>
      </c>
      <c r="I8" s="12" t="s">
        <v>171</v>
      </c>
      <c r="J8" s="12" t="s">
        <v>640</v>
      </c>
      <c r="K8" s="12" t="s">
        <v>709</v>
      </c>
      <c r="L8" s="30">
        <v>37802</v>
      </c>
    </row>
    <row r="9" spans="1:12" ht="26.25" customHeight="1" x14ac:dyDescent="0.15">
      <c r="A9" s="9">
        <v>8</v>
      </c>
      <c r="B9" s="12">
        <v>1670102613</v>
      </c>
      <c r="C9" s="19" t="s">
        <v>632</v>
      </c>
      <c r="D9" s="16">
        <v>27</v>
      </c>
      <c r="E9" s="12">
        <v>9398262</v>
      </c>
      <c r="F9" s="16" t="s">
        <v>824</v>
      </c>
      <c r="G9" s="26" t="s">
        <v>825</v>
      </c>
      <c r="H9" s="12" t="s">
        <v>171</v>
      </c>
      <c r="I9" s="12" t="s">
        <v>171</v>
      </c>
      <c r="J9" s="12" t="s">
        <v>527</v>
      </c>
      <c r="K9" s="12" t="s">
        <v>581</v>
      </c>
      <c r="L9" s="30">
        <v>38000</v>
      </c>
    </row>
    <row r="10" spans="1:12" ht="26.25" customHeight="1" x14ac:dyDescent="0.15">
      <c r="A10" s="9">
        <v>9</v>
      </c>
      <c r="B10" s="12">
        <v>1670102647</v>
      </c>
      <c r="C10" s="19" t="s">
        <v>767</v>
      </c>
      <c r="D10" s="16">
        <v>9</v>
      </c>
      <c r="E10" s="12">
        <v>9393515</v>
      </c>
      <c r="F10" s="16" t="s">
        <v>826</v>
      </c>
      <c r="G10" s="26" t="s">
        <v>817</v>
      </c>
      <c r="H10" s="12" t="s">
        <v>171</v>
      </c>
      <c r="I10" s="12" t="s">
        <v>171</v>
      </c>
      <c r="J10" s="12" t="s">
        <v>708</v>
      </c>
      <c r="K10" s="12" t="s">
        <v>708</v>
      </c>
      <c r="L10" s="30">
        <v>38044</v>
      </c>
    </row>
    <row r="11" spans="1:12" ht="26.25" customHeight="1" x14ac:dyDescent="0.15">
      <c r="A11" s="9">
        <v>10</v>
      </c>
      <c r="B11" s="12">
        <v>1670102779</v>
      </c>
      <c r="C11" s="19" t="s">
        <v>405</v>
      </c>
      <c r="D11" s="16">
        <v>9</v>
      </c>
      <c r="E11" s="12">
        <v>9300115</v>
      </c>
      <c r="F11" s="16" t="s">
        <v>476</v>
      </c>
      <c r="G11" s="26" t="s">
        <v>808</v>
      </c>
      <c r="H11" s="12" t="s">
        <v>171</v>
      </c>
      <c r="I11" s="12" t="s">
        <v>171</v>
      </c>
      <c r="J11" s="12" t="s">
        <v>707</v>
      </c>
      <c r="K11" s="12" t="s">
        <v>537</v>
      </c>
      <c r="L11" s="30">
        <v>38108</v>
      </c>
    </row>
    <row r="12" spans="1:12" ht="26.25" customHeight="1" x14ac:dyDescent="0.15">
      <c r="A12" s="9">
        <v>11</v>
      </c>
      <c r="B12" s="12">
        <v>1670103496</v>
      </c>
      <c r="C12" s="19" t="s">
        <v>827</v>
      </c>
      <c r="D12" s="16">
        <v>9</v>
      </c>
      <c r="E12" s="12">
        <v>9398137</v>
      </c>
      <c r="F12" s="16" t="s">
        <v>243</v>
      </c>
      <c r="G12" s="26" t="s">
        <v>202</v>
      </c>
      <c r="H12" s="12" t="s">
        <v>171</v>
      </c>
      <c r="I12" s="12" t="s">
        <v>171</v>
      </c>
      <c r="J12" s="12" t="s">
        <v>153</v>
      </c>
      <c r="K12" s="12" t="s">
        <v>706</v>
      </c>
      <c r="L12" s="30">
        <v>38749</v>
      </c>
    </row>
    <row r="13" spans="1:12" ht="26.25" customHeight="1" x14ac:dyDescent="0.15">
      <c r="A13" s="9">
        <v>12</v>
      </c>
      <c r="B13" s="12">
        <v>1690100035</v>
      </c>
      <c r="C13" s="19" t="s">
        <v>676</v>
      </c>
      <c r="D13" s="16">
        <v>9</v>
      </c>
      <c r="E13" s="12">
        <v>9300801</v>
      </c>
      <c r="F13" s="16" t="s">
        <v>654</v>
      </c>
      <c r="G13" s="26" t="s">
        <v>809</v>
      </c>
      <c r="H13" s="12" t="s">
        <v>171</v>
      </c>
      <c r="I13" s="12" t="s">
        <v>171</v>
      </c>
      <c r="J13" s="12" t="s">
        <v>705</v>
      </c>
      <c r="K13" s="12" t="s">
        <v>548</v>
      </c>
      <c r="L13" s="30">
        <v>39173</v>
      </c>
    </row>
    <row r="14" spans="1:12" ht="26.25" customHeight="1" x14ac:dyDescent="0.15">
      <c r="A14" s="9">
        <v>13</v>
      </c>
      <c r="B14" s="12">
        <v>1690100142</v>
      </c>
      <c r="C14" s="19" t="s">
        <v>670</v>
      </c>
      <c r="D14" s="16">
        <v>9</v>
      </c>
      <c r="E14" s="12">
        <v>9300871</v>
      </c>
      <c r="F14" s="16" t="s">
        <v>7</v>
      </c>
      <c r="G14" s="26" t="s">
        <v>807</v>
      </c>
      <c r="H14" s="12" t="s">
        <v>171</v>
      </c>
      <c r="I14" s="12" t="s">
        <v>171</v>
      </c>
      <c r="J14" s="12" t="s">
        <v>704</v>
      </c>
      <c r="K14" s="12" t="s">
        <v>702</v>
      </c>
      <c r="L14" s="30">
        <v>39448</v>
      </c>
    </row>
    <row r="15" spans="1:12" ht="26.25" customHeight="1" x14ac:dyDescent="0.15">
      <c r="A15" s="9">
        <v>14</v>
      </c>
      <c r="B15" s="12">
        <v>1690100183</v>
      </c>
      <c r="C15" s="19" t="s">
        <v>701</v>
      </c>
      <c r="D15" s="16">
        <v>9</v>
      </c>
      <c r="E15" s="12">
        <v>9300053</v>
      </c>
      <c r="F15" s="16" t="s">
        <v>700</v>
      </c>
      <c r="G15" s="26" t="s">
        <v>828</v>
      </c>
      <c r="H15" s="12" t="s">
        <v>171</v>
      </c>
      <c r="I15" s="12" t="s">
        <v>171</v>
      </c>
      <c r="J15" s="12" t="s">
        <v>349</v>
      </c>
      <c r="K15" s="12" t="s">
        <v>344</v>
      </c>
      <c r="L15" s="30">
        <v>39569</v>
      </c>
    </row>
    <row r="16" spans="1:12" ht="26.25" customHeight="1" x14ac:dyDescent="0.15">
      <c r="A16" s="9">
        <v>15</v>
      </c>
      <c r="B16" s="12">
        <v>1690100225</v>
      </c>
      <c r="C16" s="19" t="s">
        <v>636</v>
      </c>
      <c r="D16" s="16">
        <v>9</v>
      </c>
      <c r="E16" s="12">
        <v>9300821</v>
      </c>
      <c r="F16" s="16" t="s">
        <v>24</v>
      </c>
      <c r="G16" s="26" t="s">
        <v>803</v>
      </c>
      <c r="H16" s="12" t="s">
        <v>171</v>
      </c>
      <c r="I16" s="12" t="s">
        <v>171</v>
      </c>
      <c r="J16" s="12" t="s">
        <v>49</v>
      </c>
      <c r="K16" s="12" t="s">
        <v>125</v>
      </c>
      <c r="L16" s="30">
        <v>39600</v>
      </c>
    </row>
    <row r="17" spans="1:12" ht="26.25" customHeight="1" x14ac:dyDescent="0.15">
      <c r="A17" s="9">
        <v>16</v>
      </c>
      <c r="B17" s="12">
        <v>1690100282</v>
      </c>
      <c r="C17" s="19" t="s">
        <v>637</v>
      </c>
      <c r="D17" s="16">
        <v>9</v>
      </c>
      <c r="E17" s="12">
        <v>9300955</v>
      </c>
      <c r="F17" s="16" t="s">
        <v>634</v>
      </c>
      <c r="G17" s="26" t="s">
        <v>746</v>
      </c>
      <c r="H17" s="12" t="s">
        <v>171</v>
      </c>
      <c r="I17" s="12" t="s">
        <v>171</v>
      </c>
      <c r="J17" s="12" t="s">
        <v>633</v>
      </c>
      <c r="K17" s="12" t="s">
        <v>159</v>
      </c>
      <c r="L17" s="30">
        <v>39873</v>
      </c>
    </row>
    <row r="18" spans="1:12" ht="26.25" customHeight="1" x14ac:dyDescent="0.15">
      <c r="A18" s="9">
        <v>17</v>
      </c>
      <c r="B18" s="12">
        <v>1670102456</v>
      </c>
      <c r="C18" s="19" t="s">
        <v>830</v>
      </c>
      <c r="D18" s="16">
        <v>18</v>
      </c>
      <c r="E18" s="12">
        <v>9398261</v>
      </c>
      <c r="F18" s="16" t="s">
        <v>832</v>
      </c>
      <c r="G18" s="26" t="s">
        <v>825</v>
      </c>
      <c r="H18" s="12" t="s">
        <v>171</v>
      </c>
      <c r="I18" s="12" t="s">
        <v>171</v>
      </c>
      <c r="J18" s="12" t="s">
        <v>698</v>
      </c>
      <c r="K18" s="12" t="s">
        <v>513</v>
      </c>
      <c r="L18" s="30">
        <v>44105</v>
      </c>
    </row>
    <row r="19" spans="1:12" ht="26.25" customHeight="1" x14ac:dyDescent="0.15">
      <c r="A19" s="9">
        <v>18</v>
      </c>
      <c r="B19" s="12">
        <v>1670102654</v>
      </c>
      <c r="C19" s="19" t="s">
        <v>31</v>
      </c>
      <c r="D19" s="16">
        <v>18</v>
      </c>
      <c r="E19" s="12">
        <v>9398015</v>
      </c>
      <c r="F19" s="16" t="s">
        <v>833</v>
      </c>
      <c r="G19" s="26" t="s">
        <v>392</v>
      </c>
      <c r="H19" s="12" t="s">
        <v>171</v>
      </c>
      <c r="I19" s="12" t="s">
        <v>171</v>
      </c>
      <c r="J19" s="12" t="s">
        <v>697</v>
      </c>
      <c r="K19" s="12" t="s">
        <v>347</v>
      </c>
      <c r="L19" s="30">
        <v>38044</v>
      </c>
    </row>
    <row r="20" spans="1:12" ht="26.25" customHeight="1" x14ac:dyDescent="0.15">
      <c r="A20" s="9">
        <v>19</v>
      </c>
      <c r="B20" s="12">
        <v>1670103579</v>
      </c>
      <c r="C20" s="19" t="s">
        <v>240</v>
      </c>
      <c r="D20" s="16">
        <v>9</v>
      </c>
      <c r="E20" s="12">
        <v>9300142</v>
      </c>
      <c r="F20" s="16" t="s">
        <v>775</v>
      </c>
      <c r="G20" s="26" t="s">
        <v>808</v>
      </c>
      <c r="H20" s="12" t="s">
        <v>171</v>
      </c>
      <c r="I20" s="12" t="s">
        <v>171</v>
      </c>
      <c r="J20" s="12" t="s">
        <v>696</v>
      </c>
      <c r="K20" s="12" t="s">
        <v>695</v>
      </c>
      <c r="L20" s="30">
        <v>38807</v>
      </c>
    </row>
    <row r="21" spans="1:12" ht="26.25" customHeight="1" x14ac:dyDescent="0.15">
      <c r="A21" s="9">
        <v>20</v>
      </c>
      <c r="B21" s="12">
        <v>1670103561</v>
      </c>
      <c r="C21" s="19" t="s">
        <v>694</v>
      </c>
      <c r="D21" s="16">
        <v>9</v>
      </c>
      <c r="E21" s="12">
        <v>9398146</v>
      </c>
      <c r="F21" s="16" t="s">
        <v>269</v>
      </c>
      <c r="G21" s="26" t="s">
        <v>202</v>
      </c>
      <c r="H21" s="12" t="s">
        <v>171</v>
      </c>
      <c r="I21" s="12" t="s">
        <v>171</v>
      </c>
      <c r="J21" s="12" t="s">
        <v>314</v>
      </c>
      <c r="K21" s="12" t="s">
        <v>693</v>
      </c>
      <c r="L21" s="30">
        <v>38807</v>
      </c>
    </row>
    <row r="22" spans="1:12" ht="26.25" customHeight="1" x14ac:dyDescent="0.15">
      <c r="A22" s="9">
        <v>21</v>
      </c>
      <c r="B22" s="12">
        <v>1670102209</v>
      </c>
      <c r="C22" s="19" t="s">
        <v>104</v>
      </c>
      <c r="D22" s="16">
        <v>27</v>
      </c>
      <c r="E22" s="12">
        <v>9398075</v>
      </c>
      <c r="F22" s="16" t="s">
        <v>835</v>
      </c>
      <c r="G22" s="26" t="s">
        <v>271</v>
      </c>
      <c r="H22" s="12" t="s">
        <v>171</v>
      </c>
      <c r="I22" s="12" t="s">
        <v>171</v>
      </c>
      <c r="J22" s="12" t="s">
        <v>449</v>
      </c>
      <c r="K22" s="12" t="s">
        <v>687</v>
      </c>
      <c r="L22" s="30">
        <v>37711</v>
      </c>
    </row>
    <row r="23" spans="1:12" ht="26.25" customHeight="1" x14ac:dyDescent="0.15">
      <c r="A23" s="9">
        <v>22</v>
      </c>
      <c r="B23" s="12">
        <v>1670102233</v>
      </c>
      <c r="C23" s="19" t="s">
        <v>836</v>
      </c>
      <c r="D23" s="16">
        <v>27</v>
      </c>
      <c r="E23" s="12">
        <v>9398271</v>
      </c>
      <c r="F23" s="16" t="s">
        <v>837</v>
      </c>
      <c r="G23" s="26" t="s">
        <v>76</v>
      </c>
      <c r="H23" s="12" t="s">
        <v>171</v>
      </c>
      <c r="I23" s="12" t="s">
        <v>171</v>
      </c>
      <c r="J23" s="12" t="s">
        <v>685</v>
      </c>
      <c r="K23" s="12" t="s">
        <v>684</v>
      </c>
      <c r="L23" s="30">
        <v>37711</v>
      </c>
    </row>
    <row r="24" spans="1:12" ht="26.25" customHeight="1" x14ac:dyDescent="0.15">
      <c r="A24" s="9">
        <v>23</v>
      </c>
      <c r="B24" s="12">
        <v>1671500310</v>
      </c>
      <c r="C24" s="19" t="s">
        <v>838</v>
      </c>
      <c r="D24" s="16">
        <v>18</v>
      </c>
      <c r="E24" s="12">
        <v>9301334</v>
      </c>
      <c r="F24" s="16" t="s">
        <v>839</v>
      </c>
      <c r="G24" s="12" t="s">
        <v>546</v>
      </c>
      <c r="H24" s="12" t="s">
        <v>171</v>
      </c>
      <c r="I24" s="12" t="s">
        <v>171</v>
      </c>
      <c r="J24" s="12" t="s">
        <v>683</v>
      </c>
      <c r="K24" s="12" t="s">
        <v>308</v>
      </c>
      <c r="L24" s="30">
        <v>38139</v>
      </c>
    </row>
    <row r="25" spans="1:12" ht="26.25" customHeight="1" x14ac:dyDescent="0.15">
      <c r="A25" s="9">
        <v>24</v>
      </c>
      <c r="B25" s="12">
        <v>1690100357</v>
      </c>
      <c r="C25" s="19" t="s">
        <v>164</v>
      </c>
      <c r="D25" s="16">
        <v>9</v>
      </c>
      <c r="E25" s="12">
        <v>9300922</v>
      </c>
      <c r="F25" s="16" t="s">
        <v>682</v>
      </c>
      <c r="G25" s="12" t="s">
        <v>812</v>
      </c>
      <c r="H25" s="12" t="s">
        <v>171</v>
      </c>
      <c r="I25" s="12" t="s">
        <v>171</v>
      </c>
      <c r="J25" s="12" t="s">
        <v>165</v>
      </c>
      <c r="K25" s="12" t="s">
        <v>165</v>
      </c>
      <c r="L25" s="30">
        <v>40483</v>
      </c>
    </row>
    <row r="26" spans="1:12" ht="26.25" customHeight="1" x14ac:dyDescent="0.15">
      <c r="A26" s="9">
        <v>25</v>
      </c>
      <c r="B26" s="13">
        <v>1690100373</v>
      </c>
      <c r="C26" s="51" t="s">
        <v>681</v>
      </c>
      <c r="D26" s="16">
        <v>9</v>
      </c>
      <c r="E26" s="13">
        <v>9398132</v>
      </c>
      <c r="F26" s="17" t="s">
        <v>544</v>
      </c>
      <c r="G26" s="26" t="s">
        <v>202</v>
      </c>
      <c r="H26" s="12" t="s">
        <v>171</v>
      </c>
      <c r="I26" s="12" t="s">
        <v>171</v>
      </c>
      <c r="J26" s="13" t="s">
        <v>622</v>
      </c>
      <c r="K26" s="13" t="s">
        <v>416</v>
      </c>
      <c r="L26" s="30">
        <v>40513</v>
      </c>
    </row>
    <row r="27" spans="1:12" ht="26.25" customHeight="1" x14ac:dyDescent="0.15">
      <c r="A27" s="9">
        <v>26</v>
      </c>
      <c r="B27" s="12">
        <v>1690100407</v>
      </c>
      <c r="C27" s="19" t="s">
        <v>526</v>
      </c>
      <c r="D27" s="16">
        <v>9</v>
      </c>
      <c r="E27" s="12">
        <v>9398212</v>
      </c>
      <c r="F27" s="16" t="s">
        <v>679</v>
      </c>
      <c r="G27" s="26" t="s">
        <v>106</v>
      </c>
      <c r="H27" s="12" t="s">
        <v>171</v>
      </c>
      <c r="I27" s="12" t="s">
        <v>171</v>
      </c>
      <c r="J27" s="12" t="s">
        <v>677</v>
      </c>
      <c r="K27" s="12" t="s">
        <v>675</v>
      </c>
      <c r="L27" s="30">
        <v>40634</v>
      </c>
    </row>
    <row r="28" spans="1:12" ht="26.25" customHeight="1" x14ac:dyDescent="0.15">
      <c r="A28" s="9">
        <v>27</v>
      </c>
      <c r="B28" s="13">
        <v>1690100431</v>
      </c>
      <c r="C28" s="51" t="s">
        <v>383</v>
      </c>
      <c r="D28" s="16">
        <v>9</v>
      </c>
      <c r="E28" s="13">
        <v>9398185</v>
      </c>
      <c r="F28" s="17" t="s">
        <v>131</v>
      </c>
      <c r="G28" s="26" t="s">
        <v>821</v>
      </c>
      <c r="H28" s="12" t="s">
        <v>171</v>
      </c>
      <c r="I28" s="12" t="s">
        <v>171</v>
      </c>
      <c r="J28" s="13" t="s">
        <v>674</v>
      </c>
      <c r="K28" s="13" t="s">
        <v>613</v>
      </c>
      <c r="L28" s="30">
        <v>40634</v>
      </c>
    </row>
    <row r="29" spans="1:12" ht="26.25" customHeight="1" x14ac:dyDescent="0.15">
      <c r="A29" s="9">
        <v>28</v>
      </c>
      <c r="B29" s="13">
        <v>1690100464</v>
      </c>
      <c r="C29" s="51" t="s">
        <v>673</v>
      </c>
      <c r="D29" s="16">
        <v>9</v>
      </c>
      <c r="E29" s="13">
        <v>9393515</v>
      </c>
      <c r="F29" s="17" t="s">
        <v>50</v>
      </c>
      <c r="G29" s="26" t="s">
        <v>817</v>
      </c>
      <c r="H29" s="12" t="s">
        <v>171</v>
      </c>
      <c r="I29" s="12" t="s">
        <v>171</v>
      </c>
      <c r="J29" s="13" t="s">
        <v>219</v>
      </c>
      <c r="K29" s="13" t="s">
        <v>53</v>
      </c>
      <c r="L29" s="30">
        <v>40634</v>
      </c>
    </row>
    <row r="30" spans="1:12" ht="26.25" customHeight="1" x14ac:dyDescent="0.15">
      <c r="A30" s="9">
        <v>29</v>
      </c>
      <c r="B30" s="13">
        <v>1690100498</v>
      </c>
      <c r="C30" s="51" t="s">
        <v>9</v>
      </c>
      <c r="D30" s="16">
        <v>9</v>
      </c>
      <c r="E30" s="13">
        <v>9398072</v>
      </c>
      <c r="F30" s="17" t="s">
        <v>339</v>
      </c>
      <c r="G30" s="26" t="s">
        <v>82</v>
      </c>
      <c r="H30" s="12" t="s">
        <v>171</v>
      </c>
      <c r="I30" s="12" t="s">
        <v>171</v>
      </c>
      <c r="J30" s="13" t="s">
        <v>672</v>
      </c>
      <c r="K30" s="13" t="s">
        <v>590</v>
      </c>
      <c r="L30" s="30">
        <v>40634</v>
      </c>
    </row>
    <row r="31" spans="1:12" ht="26.25" customHeight="1" x14ac:dyDescent="0.15">
      <c r="A31" s="9">
        <v>30</v>
      </c>
      <c r="B31" s="13">
        <v>1690100563</v>
      </c>
      <c r="C31" s="51" t="s">
        <v>585</v>
      </c>
      <c r="D31" s="16">
        <v>9</v>
      </c>
      <c r="E31" s="13">
        <v>9318325</v>
      </c>
      <c r="F31" s="17" t="s">
        <v>602</v>
      </c>
      <c r="G31" s="26" t="s">
        <v>840</v>
      </c>
      <c r="H31" s="12" t="s">
        <v>171</v>
      </c>
      <c r="I31" s="12" t="s">
        <v>171</v>
      </c>
      <c r="J31" s="13" t="s">
        <v>671</v>
      </c>
      <c r="K31" s="13" t="s">
        <v>32</v>
      </c>
      <c r="L31" s="30">
        <v>40634</v>
      </c>
    </row>
    <row r="32" spans="1:12" ht="26.25" customHeight="1" x14ac:dyDescent="0.15">
      <c r="A32" s="9">
        <v>31</v>
      </c>
      <c r="B32" s="13">
        <v>1690100597</v>
      </c>
      <c r="C32" s="51" t="s">
        <v>668</v>
      </c>
      <c r="D32" s="16">
        <v>9</v>
      </c>
      <c r="E32" s="13">
        <v>9300166</v>
      </c>
      <c r="F32" s="17" t="s">
        <v>27</v>
      </c>
      <c r="G32" s="26" t="s">
        <v>841</v>
      </c>
      <c r="H32" s="12" t="s">
        <v>171</v>
      </c>
      <c r="I32" s="12" t="s">
        <v>171</v>
      </c>
      <c r="J32" s="13" t="s">
        <v>666</v>
      </c>
      <c r="K32" s="13" t="s">
        <v>663</v>
      </c>
      <c r="L32" s="30">
        <v>40664</v>
      </c>
    </row>
    <row r="33" spans="1:12" ht="26.25" customHeight="1" x14ac:dyDescent="0.15">
      <c r="A33" s="9">
        <v>32</v>
      </c>
      <c r="B33" s="13">
        <v>1690100662</v>
      </c>
      <c r="C33" s="51" t="s">
        <v>842</v>
      </c>
      <c r="D33" s="16">
        <v>9</v>
      </c>
      <c r="E33" s="13">
        <v>9318403</v>
      </c>
      <c r="F33" s="17" t="s">
        <v>843</v>
      </c>
      <c r="G33" s="26" t="s">
        <v>262</v>
      </c>
      <c r="H33" s="12" t="s">
        <v>171</v>
      </c>
      <c r="I33" s="12" t="s">
        <v>171</v>
      </c>
      <c r="J33" s="13" t="s">
        <v>252</v>
      </c>
      <c r="K33" s="13" t="s">
        <v>641</v>
      </c>
      <c r="L33" s="30">
        <v>40969</v>
      </c>
    </row>
    <row r="34" spans="1:12" ht="26.25" customHeight="1" x14ac:dyDescent="0.15">
      <c r="A34" s="9">
        <v>33</v>
      </c>
      <c r="B34" s="13">
        <v>1690100795</v>
      </c>
      <c r="C34" s="19" t="s">
        <v>662</v>
      </c>
      <c r="D34" s="16">
        <v>18</v>
      </c>
      <c r="E34" s="12">
        <v>9302224</v>
      </c>
      <c r="F34" s="16" t="s">
        <v>661</v>
      </c>
      <c r="G34" s="12" t="s">
        <v>678</v>
      </c>
      <c r="H34" s="12" t="s">
        <v>171</v>
      </c>
      <c r="I34" s="12" t="s">
        <v>171</v>
      </c>
      <c r="J34" s="12" t="s">
        <v>642</v>
      </c>
      <c r="K34" s="12" t="s">
        <v>568</v>
      </c>
      <c r="L34" s="30">
        <v>41730</v>
      </c>
    </row>
    <row r="35" spans="1:12" ht="26.25" customHeight="1" x14ac:dyDescent="0.15">
      <c r="A35" s="9">
        <v>34</v>
      </c>
      <c r="B35" s="13">
        <v>1690100936</v>
      </c>
      <c r="C35" s="19" t="s">
        <v>3</v>
      </c>
      <c r="D35" s="16">
        <v>18</v>
      </c>
      <c r="E35" s="12">
        <v>9300992</v>
      </c>
      <c r="F35" s="16" t="s">
        <v>658</v>
      </c>
      <c r="G35" s="12" t="s">
        <v>625</v>
      </c>
      <c r="H35" s="12" t="s">
        <v>171</v>
      </c>
      <c r="I35" s="12" t="s">
        <v>171</v>
      </c>
      <c r="J35" s="12" t="s">
        <v>657</v>
      </c>
      <c r="K35" s="12" t="s">
        <v>656</v>
      </c>
      <c r="L35" s="30">
        <v>42856</v>
      </c>
    </row>
    <row r="36" spans="1:12" ht="26.25" customHeight="1" x14ac:dyDescent="0.15">
      <c r="A36" s="9">
        <v>35</v>
      </c>
      <c r="B36" s="12">
        <v>1690100944</v>
      </c>
      <c r="C36" s="19" t="s">
        <v>555</v>
      </c>
      <c r="D36" s="16">
        <v>18</v>
      </c>
      <c r="E36" s="12">
        <v>9300887</v>
      </c>
      <c r="F36" s="16" t="s">
        <v>886</v>
      </c>
      <c r="G36" s="12" t="s">
        <v>64</v>
      </c>
      <c r="H36" s="12" t="s">
        <v>171</v>
      </c>
      <c r="I36" s="12" t="s">
        <v>171</v>
      </c>
      <c r="J36" s="12" t="s">
        <v>61</v>
      </c>
      <c r="K36" s="12" t="s">
        <v>653</v>
      </c>
      <c r="L36" s="30">
        <v>42856</v>
      </c>
    </row>
    <row r="37" spans="1:12" ht="26.25" customHeight="1" x14ac:dyDescent="0.15">
      <c r="A37" s="9">
        <v>36</v>
      </c>
      <c r="B37" s="14">
        <v>1690100951</v>
      </c>
      <c r="C37" s="20" t="s">
        <v>508</v>
      </c>
      <c r="D37" s="22">
        <v>18</v>
      </c>
      <c r="E37" s="14">
        <v>9392252</v>
      </c>
      <c r="F37" s="22" t="s">
        <v>313</v>
      </c>
      <c r="G37" s="14" t="s">
        <v>806</v>
      </c>
      <c r="H37" s="14" t="s">
        <v>171</v>
      </c>
      <c r="I37" s="14" t="s">
        <v>171</v>
      </c>
      <c r="J37" s="14" t="s">
        <v>650</v>
      </c>
      <c r="K37" s="12" t="s">
        <v>593</v>
      </c>
      <c r="L37" s="55">
        <v>42887</v>
      </c>
    </row>
    <row r="38" spans="1:12" ht="26.25" customHeight="1" x14ac:dyDescent="0.15">
      <c r="A38" s="9">
        <v>37</v>
      </c>
      <c r="B38" s="12">
        <v>1690101181</v>
      </c>
      <c r="C38" s="19" t="s">
        <v>649</v>
      </c>
      <c r="D38" s="16">
        <v>9</v>
      </c>
      <c r="E38" s="12">
        <v>9393555</v>
      </c>
      <c r="F38" s="16" t="s">
        <v>81</v>
      </c>
      <c r="G38" s="12" t="s">
        <v>48</v>
      </c>
      <c r="H38" s="12" t="s">
        <v>171</v>
      </c>
      <c r="I38" s="12" t="s">
        <v>171</v>
      </c>
      <c r="J38" s="12" t="s">
        <v>648</v>
      </c>
      <c r="K38" s="12" t="s">
        <v>646</v>
      </c>
      <c r="L38" s="30">
        <v>43617</v>
      </c>
    </row>
    <row r="39" spans="1:12" ht="26.25" customHeight="1" x14ac:dyDescent="0.15">
      <c r="A39" s="9">
        <v>38</v>
      </c>
      <c r="B39" s="12">
        <v>1690101249</v>
      </c>
      <c r="C39" s="19" t="s">
        <v>845</v>
      </c>
      <c r="D39" s="16">
        <v>18</v>
      </c>
      <c r="E39" s="12">
        <v>9301328</v>
      </c>
      <c r="F39" s="16" t="s">
        <v>829</v>
      </c>
      <c r="G39" s="12" t="s">
        <v>546</v>
      </c>
      <c r="H39" s="12" t="s">
        <v>171</v>
      </c>
      <c r="I39" s="12" t="s">
        <v>171</v>
      </c>
      <c r="J39" s="12" t="s">
        <v>20</v>
      </c>
      <c r="K39" s="12" t="s">
        <v>5</v>
      </c>
      <c r="L39" s="30">
        <v>43891</v>
      </c>
    </row>
    <row r="40" spans="1:12" ht="26.25" customHeight="1" x14ac:dyDescent="0.15">
      <c r="A40" s="9">
        <v>39</v>
      </c>
      <c r="B40" s="12">
        <v>1690101306</v>
      </c>
      <c r="C40" s="19" t="s">
        <v>332</v>
      </c>
      <c r="D40" s="16">
        <v>18</v>
      </c>
      <c r="E40" s="12">
        <v>9318334</v>
      </c>
      <c r="F40" s="16" t="s">
        <v>846</v>
      </c>
      <c r="G40" s="12" t="s">
        <v>801</v>
      </c>
      <c r="H40" s="12" t="s">
        <v>171</v>
      </c>
      <c r="I40" s="12" t="s">
        <v>171</v>
      </c>
      <c r="J40" s="12" t="s">
        <v>645</v>
      </c>
      <c r="K40" s="12" t="s">
        <v>265</v>
      </c>
      <c r="L40" s="30">
        <v>44075</v>
      </c>
    </row>
    <row r="41" spans="1:12" ht="26.25" customHeight="1" x14ac:dyDescent="0.15">
      <c r="A41" s="9">
        <v>40</v>
      </c>
      <c r="B41" s="12">
        <v>1690101322</v>
      </c>
      <c r="C41" s="19" t="s">
        <v>531</v>
      </c>
      <c r="D41" s="16">
        <v>18</v>
      </c>
      <c r="E41" s="12">
        <v>9398006</v>
      </c>
      <c r="F41" s="16" t="s">
        <v>847</v>
      </c>
      <c r="G41" s="12" t="s">
        <v>746</v>
      </c>
      <c r="H41" s="12" t="s">
        <v>171</v>
      </c>
      <c r="I41" s="12" t="s">
        <v>171</v>
      </c>
      <c r="J41" s="12" t="s">
        <v>541</v>
      </c>
      <c r="K41" s="12" t="s">
        <v>644</v>
      </c>
      <c r="L41" s="48">
        <v>44075</v>
      </c>
    </row>
    <row r="42" spans="1:12" ht="26.25" customHeight="1" x14ac:dyDescent="0.15">
      <c r="A42" s="9">
        <v>41</v>
      </c>
      <c r="B42" s="12">
        <v>1690101330</v>
      </c>
      <c r="C42" s="19" t="s">
        <v>342</v>
      </c>
      <c r="D42" s="16">
        <v>18</v>
      </c>
      <c r="E42" s="12">
        <v>9300921</v>
      </c>
      <c r="F42" s="16" t="s">
        <v>530</v>
      </c>
      <c r="G42" s="12" t="s">
        <v>812</v>
      </c>
      <c r="H42" s="12" t="s">
        <v>171</v>
      </c>
      <c r="I42" s="12" t="s">
        <v>171</v>
      </c>
      <c r="J42" s="12" t="s">
        <v>293</v>
      </c>
      <c r="K42" s="12" t="s">
        <v>643</v>
      </c>
      <c r="L42" s="48">
        <v>44105</v>
      </c>
    </row>
    <row r="43" spans="1:12" ht="26.25" customHeight="1" x14ac:dyDescent="0.15">
      <c r="A43" s="9">
        <v>42</v>
      </c>
      <c r="B43" s="12">
        <v>1690101611</v>
      </c>
      <c r="C43" s="19" t="s">
        <v>848</v>
      </c>
      <c r="D43" s="16">
        <v>18</v>
      </c>
      <c r="E43" s="12">
        <v>9302239</v>
      </c>
      <c r="F43" s="16" t="s">
        <v>51</v>
      </c>
      <c r="G43" s="12" t="s">
        <v>690</v>
      </c>
      <c r="H43" s="12" t="s">
        <v>171</v>
      </c>
      <c r="I43" s="12" t="s">
        <v>171</v>
      </c>
      <c r="J43" s="12" t="s">
        <v>892</v>
      </c>
      <c r="K43" s="12" t="s">
        <v>893</v>
      </c>
      <c r="L43" s="48">
        <v>45323</v>
      </c>
    </row>
    <row r="44" spans="1:12" ht="26.25" customHeight="1" x14ac:dyDescent="0.15">
      <c r="A44" s="9">
        <v>43</v>
      </c>
      <c r="B44" s="12">
        <v>1690101652</v>
      </c>
      <c r="C44" s="19" t="s">
        <v>894</v>
      </c>
      <c r="D44" s="16">
        <v>27</v>
      </c>
      <c r="E44" s="12">
        <v>9392224</v>
      </c>
      <c r="F44" s="16" t="s">
        <v>811</v>
      </c>
      <c r="G44" s="12" t="s">
        <v>806</v>
      </c>
      <c r="H44" s="12" t="s">
        <v>171</v>
      </c>
      <c r="I44" s="12" t="s">
        <v>171</v>
      </c>
      <c r="J44" s="12" t="s">
        <v>90</v>
      </c>
      <c r="K44" s="12" t="s">
        <v>89</v>
      </c>
      <c r="L44" s="56">
        <v>45383</v>
      </c>
    </row>
    <row r="45" spans="1:12" ht="26.25" customHeight="1" x14ac:dyDescent="0.15">
      <c r="A45" s="49"/>
      <c r="B45" s="50"/>
      <c r="C45" s="52" t="s">
        <v>4</v>
      </c>
      <c r="D45" s="53">
        <f>SUM(D2:D44)</f>
        <v>603</v>
      </c>
      <c r="E45" s="50"/>
      <c r="F45" s="54"/>
      <c r="G45" s="52"/>
      <c r="H45" s="52"/>
      <c r="I45" s="52"/>
      <c r="J45" s="54"/>
      <c r="K45" s="54"/>
      <c r="L45" s="57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6" fitToHeight="0" orientation="landscape" r:id="rId1"/>
  <headerFooter alignWithMargins="0">
    <oddHeader>&amp;C&amp;14認知症対応型共同生活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L1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875" style="35" customWidth="1"/>
    <col min="4" max="4" width="7.625" style="58" customWidth="1"/>
    <col min="5" max="5" width="10.625" style="1" customWidth="1"/>
    <col min="6" max="6" width="28.625" style="35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0</v>
      </c>
      <c r="E1" s="11" t="s">
        <v>163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70100229</v>
      </c>
      <c r="C2" s="19" t="s">
        <v>711</v>
      </c>
      <c r="D2" s="47">
        <v>12</v>
      </c>
      <c r="E2" s="12">
        <v>9300142</v>
      </c>
      <c r="F2" s="19" t="s">
        <v>744</v>
      </c>
      <c r="G2" s="26" t="s">
        <v>367</v>
      </c>
      <c r="H2" s="12" t="s">
        <v>171</v>
      </c>
      <c r="I2" s="12" t="s">
        <v>171</v>
      </c>
      <c r="J2" s="12" t="s">
        <v>463</v>
      </c>
      <c r="K2" s="12" t="s">
        <v>743</v>
      </c>
      <c r="L2" s="30">
        <v>36410</v>
      </c>
    </row>
    <row r="3" spans="1:12" ht="26.25" customHeight="1" x14ac:dyDescent="0.15">
      <c r="A3" s="9">
        <v>2</v>
      </c>
      <c r="B3" s="12">
        <v>1690100084</v>
      </c>
      <c r="C3" s="19" t="s">
        <v>15</v>
      </c>
      <c r="D3" s="47">
        <v>11</v>
      </c>
      <c r="E3" s="12">
        <v>9318431</v>
      </c>
      <c r="F3" s="16" t="s">
        <v>741</v>
      </c>
      <c r="G3" s="26" t="s">
        <v>692</v>
      </c>
      <c r="H3" s="12" t="s">
        <v>171</v>
      </c>
      <c r="I3" s="12" t="s">
        <v>171</v>
      </c>
      <c r="J3" s="12" t="s">
        <v>369</v>
      </c>
      <c r="K3" s="12" t="s">
        <v>740</v>
      </c>
      <c r="L3" s="30">
        <v>39203</v>
      </c>
    </row>
    <row r="4" spans="1:12" ht="26.25" customHeight="1" x14ac:dyDescent="0.15">
      <c r="A4" s="9">
        <v>3</v>
      </c>
      <c r="B4" s="13">
        <v>1690100548</v>
      </c>
      <c r="C4" s="51" t="s">
        <v>626</v>
      </c>
      <c r="D4" s="16">
        <v>12</v>
      </c>
      <c r="E4" s="13">
        <v>9398202</v>
      </c>
      <c r="F4" s="17" t="s">
        <v>738</v>
      </c>
      <c r="G4" s="26" t="s">
        <v>119</v>
      </c>
      <c r="H4" s="12" t="s">
        <v>171</v>
      </c>
      <c r="I4" s="12" t="s">
        <v>171</v>
      </c>
      <c r="J4" s="13" t="s">
        <v>19</v>
      </c>
      <c r="K4" s="13" t="s">
        <v>62</v>
      </c>
      <c r="L4" s="30">
        <v>40634</v>
      </c>
    </row>
    <row r="5" spans="1:12" ht="26.25" customHeight="1" x14ac:dyDescent="0.15">
      <c r="A5" s="9">
        <v>4</v>
      </c>
      <c r="B5" s="13">
        <v>1690100381</v>
      </c>
      <c r="C5" s="19" t="s">
        <v>737</v>
      </c>
      <c r="D5" s="47">
        <v>12</v>
      </c>
      <c r="E5" s="13">
        <v>9300142</v>
      </c>
      <c r="F5" s="17" t="s">
        <v>617</v>
      </c>
      <c r="G5" s="26" t="s">
        <v>367</v>
      </c>
      <c r="H5" s="12" t="s">
        <v>171</v>
      </c>
      <c r="I5" s="12" t="s">
        <v>171</v>
      </c>
      <c r="J5" s="13" t="s">
        <v>235</v>
      </c>
      <c r="K5" s="13" t="s">
        <v>235</v>
      </c>
      <c r="L5" s="30">
        <v>40603</v>
      </c>
    </row>
    <row r="6" spans="1:12" ht="26.25" customHeight="1" x14ac:dyDescent="0.15">
      <c r="A6" s="9">
        <v>5</v>
      </c>
      <c r="B6" s="12">
        <v>1690100639</v>
      </c>
      <c r="C6" s="19" t="s">
        <v>35</v>
      </c>
      <c r="D6" s="47">
        <v>12</v>
      </c>
      <c r="E6" s="12">
        <v>9398045</v>
      </c>
      <c r="F6" s="16" t="s">
        <v>735</v>
      </c>
      <c r="G6" s="26" t="s">
        <v>59</v>
      </c>
      <c r="H6" s="12" t="s">
        <v>171</v>
      </c>
      <c r="I6" s="12" t="s">
        <v>171</v>
      </c>
      <c r="J6" s="12" t="s">
        <v>718</v>
      </c>
      <c r="K6" s="12" t="s">
        <v>552</v>
      </c>
      <c r="L6" s="30">
        <v>40909</v>
      </c>
    </row>
    <row r="7" spans="1:12" ht="26.25" customHeight="1" x14ac:dyDescent="0.15">
      <c r="A7" s="9">
        <v>6</v>
      </c>
      <c r="B7" s="12">
        <v>1670100716</v>
      </c>
      <c r="C7" s="19" t="s">
        <v>445</v>
      </c>
      <c r="D7" s="47">
        <v>12</v>
      </c>
      <c r="E7" s="12">
        <v>9318435</v>
      </c>
      <c r="F7" s="19" t="s">
        <v>289</v>
      </c>
      <c r="G7" s="26" t="s">
        <v>456</v>
      </c>
      <c r="H7" s="12" t="s">
        <v>171</v>
      </c>
      <c r="I7" s="12" t="s">
        <v>171</v>
      </c>
      <c r="J7" s="12" t="s">
        <v>248</v>
      </c>
      <c r="K7" s="12" t="s">
        <v>734</v>
      </c>
      <c r="L7" s="30">
        <v>36570</v>
      </c>
    </row>
    <row r="8" spans="1:12" ht="26.25" customHeight="1" x14ac:dyDescent="0.15">
      <c r="A8" s="9">
        <v>7</v>
      </c>
      <c r="B8" s="12">
        <v>1690100696</v>
      </c>
      <c r="C8" s="19" t="s">
        <v>732</v>
      </c>
      <c r="D8" s="47">
        <v>12</v>
      </c>
      <c r="E8" s="12">
        <v>9393515</v>
      </c>
      <c r="F8" s="16" t="s">
        <v>731</v>
      </c>
      <c r="G8" s="26" t="s">
        <v>126</v>
      </c>
      <c r="H8" s="12" t="s">
        <v>171</v>
      </c>
      <c r="I8" s="12" t="s">
        <v>171</v>
      </c>
      <c r="J8" s="12" t="s">
        <v>730</v>
      </c>
      <c r="K8" s="12" t="s">
        <v>480</v>
      </c>
      <c r="L8" s="30">
        <v>41000</v>
      </c>
    </row>
    <row r="9" spans="1:12" ht="26.25" customHeight="1" x14ac:dyDescent="0.15">
      <c r="A9" s="9">
        <v>8</v>
      </c>
      <c r="B9" s="12">
        <v>1690100266</v>
      </c>
      <c r="C9" s="19" t="s">
        <v>637</v>
      </c>
      <c r="D9" s="47">
        <v>12</v>
      </c>
      <c r="E9" s="12">
        <v>9300955</v>
      </c>
      <c r="F9" s="16" t="s">
        <v>634</v>
      </c>
      <c r="G9" s="26" t="s">
        <v>287</v>
      </c>
      <c r="H9" s="12" t="s">
        <v>171</v>
      </c>
      <c r="I9" s="12" t="s">
        <v>171</v>
      </c>
      <c r="J9" s="12" t="s">
        <v>633</v>
      </c>
      <c r="K9" s="12" t="s">
        <v>159</v>
      </c>
      <c r="L9" s="30">
        <v>39873</v>
      </c>
    </row>
    <row r="10" spans="1:12" ht="26.25" customHeight="1" x14ac:dyDescent="0.15">
      <c r="A10" s="9">
        <v>9</v>
      </c>
      <c r="B10" s="12">
        <v>1690100795</v>
      </c>
      <c r="C10" s="19" t="s">
        <v>662</v>
      </c>
      <c r="D10" s="16">
        <v>3</v>
      </c>
      <c r="E10" s="12">
        <v>9302224</v>
      </c>
      <c r="F10" s="16" t="s">
        <v>661</v>
      </c>
      <c r="G10" s="26" t="s">
        <v>659</v>
      </c>
      <c r="H10" s="12" t="s">
        <v>171</v>
      </c>
      <c r="I10" s="12" t="s">
        <v>171</v>
      </c>
      <c r="J10" s="12" t="s">
        <v>642</v>
      </c>
      <c r="K10" s="12" t="s">
        <v>729</v>
      </c>
      <c r="L10" s="30">
        <v>41730</v>
      </c>
    </row>
    <row r="11" spans="1:12" ht="26.25" customHeight="1" x14ac:dyDescent="0.15">
      <c r="A11" s="9">
        <v>10</v>
      </c>
      <c r="B11" s="12" t="s">
        <v>728</v>
      </c>
      <c r="C11" s="16" t="s">
        <v>727</v>
      </c>
      <c r="D11" s="22">
        <v>3</v>
      </c>
      <c r="E11" s="12">
        <v>9393515</v>
      </c>
      <c r="F11" s="1" t="s">
        <v>52</v>
      </c>
      <c r="G11" s="26" t="s">
        <v>126</v>
      </c>
      <c r="H11" s="12" t="s">
        <v>171</v>
      </c>
      <c r="I11" s="12" t="s">
        <v>171</v>
      </c>
      <c r="J11" s="12" t="s">
        <v>719</v>
      </c>
      <c r="K11" s="4" t="s">
        <v>719</v>
      </c>
      <c r="L11" s="30">
        <v>43252</v>
      </c>
    </row>
    <row r="12" spans="1:12" ht="26.25" customHeight="1" x14ac:dyDescent="0.15">
      <c r="A12" s="9">
        <v>11</v>
      </c>
      <c r="B12" s="12">
        <v>1690101223</v>
      </c>
      <c r="C12" s="16" t="s">
        <v>726</v>
      </c>
      <c r="D12" s="16">
        <v>12</v>
      </c>
      <c r="E12" s="12">
        <v>9398194</v>
      </c>
      <c r="F12" s="16" t="s">
        <v>147</v>
      </c>
      <c r="G12" s="26" t="s">
        <v>145</v>
      </c>
      <c r="H12" s="12" t="s">
        <v>171</v>
      </c>
      <c r="I12" s="12" t="s">
        <v>171</v>
      </c>
      <c r="J12" s="12" t="s">
        <v>725</v>
      </c>
      <c r="K12" s="12" t="s">
        <v>142</v>
      </c>
      <c r="L12" s="30">
        <v>43831</v>
      </c>
    </row>
    <row r="13" spans="1:12" ht="26.25" customHeight="1" x14ac:dyDescent="0.15">
      <c r="A13" s="9">
        <v>12</v>
      </c>
      <c r="B13" s="14">
        <v>1690100316</v>
      </c>
      <c r="C13" s="22" t="s">
        <v>724</v>
      </c>
      <c r="D13" s="22">
        <v>12</v>
      </c>
      <c r="E13" s="14">
        <v>9300936</v>
      </c>
      <c r="F13" s="22" t="s">
        <v>723</v>
      </c>
      <c r="G13" s="27" t="s">
        <v>223</v>
      </c>
      <c r="H13" s="14" t="s">
        <v>171</v>
      </c>
      <c r="I13" s="14" t="s">
        <v>171</v>
      </c>
      <c r="J13" s="14" t="s">
        <v>721</v>
      </c>
      <c r="K13" s="14" t="s">
        <v>98</v>
      </c>
      <c r="L13" s="55">
        <v>40148</v>
      </c>
    </row>
    <row r="14" spans="1:12" ht="26.25" customHeight="1" x14ac:dyDescent="0.15">
      <c r="A14" s="9">
        <v>13</v>
      </c>
      <c r="B14" s="14">
        <v>1690100043</v>
      </c>
      <c r="C14" s="22" t="s">
        <v>92</v>
      </c>
      <c r="D14" s="22">
        <v>12</v>
      </c>
      <c r="E14" s="14">
        <v>9300801</v>
      </c>
      <c r="F14" s="22" t="s">
        <v>654</v>
      </c>
      <c r="G14" s="27" t="s">
        <v>325</v>
      </c>
      <c r="H14" s="14" t="s">
        <v>171</v>
      </c>
      <c r="I14" s="14" t="s">
        <v>171</v>
      </c>
      <c r="J14" s="14" t="s">
        <v>705</v>
      </c>
      <c r="K14" s="14" t="s">
        <v>548</v>
      </c>
      <c r="L14" s="55">
        <v>39173</v>
      </c>
    </row>
    <row r="15" spans="1:12" ht="26.25" customHeight="1" x14ac:dyDescent="0.15">
      <c r="A15" s="9">
        <v>14</v>
      </c>
      <c r="B15" s="14">
        <v>1690101603</v>
      </c>
      <c r="C15" s="22" t="s">
        <v>785</v>
      </c>
      <c r="D15" s="22">
        <v>12</v>
      </c>
      <c r="E15" s="14">
        <v>9392716</v>
      </c>
      <c r="F15" s="22" t="s">
        <v>74</v>
      </c>
      <c r="G15" s="27" t="s">
        <v>272</v>
      </c>
      <c r="H15" s="14" t="s">
        <v>171</v>
      </c>
      <c r="I15" s="14" t="s">
        <v>171</v>
      </c>
      <c r="J15" s="14" t="s">
        <v>852</v>
      </c>
      <c r="K15" s="14" t="s">
        <v>794</v>
      </c>
      <c r="L15" s="55">
        <v>45261</v>
      </c>
    </row>
    <row r="16" spans="1:12" ht="26.25" customHeight="1" x14ac:dyDescent="0.15">
      <c r="A16" s="9">
        <v>15</v>
      </c>
      <c r="B16" s="14">
        <v>1690101595</v>
      </c>
      <c r="C16" s="22" t="s">
        <v>100</v>
      </c>
      <c r="D16" s="22">
        <v>12</v>
      </c>
      <c r="E16" s="14">
        <v>9302239</v>
      </c>
      <c r="F16" s="22" t="s">
        <v>884</v>
      </c>
      <c r="G16" s="27" t="s">
        <v>615</v>
      </c>
      <c r="H16" s="14" t="s">
        <v>171</v>
      </c>
      <c r="I16" s="14" t="s">
        <v>171</v>
      </c>
      <c r="J16" s="14" t="s">
        <v>134</v>
      </c>
      <c r="K16" s="14" t="s">
        <v>885</v>
      </c>
      <c r="L16" s="55">
        <v>45200</v>
      </c>
    </row>
    <row r="17" spans="1:12" ht="26.25" customHeight="1" x14ac:dyDescent="0.15">
      <c r="A17" s="10"/>
      <c r="B17" s="15"/>
      <c r="C17" s="21" t="s">
        <v>4</v>
      </c>
      <c r="D17" s="59">
        <f>SUM(D2:D16)</f>
        <v>161</v>
      </c>
      <c r="E17" s="15"/>
      <c r="F17" s="42"/>
      <c r="G17" s="28"/>
      <c r="H17" s="28"/>
      <c r="I17" s="28"/>
      <c r="J17" s="15"/>
      <c r="K17" s="15"/>
      <c r="L17" s="33"/>
    </row>
  </sheetData>
  <phoneticPr fontId="2"/>
  <printOptions horizontalCentered="1" gridLines="1"/>
  <pageMargins left="0.39370078740157483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認知症対応型通所介護事業所一覧</oddHeader>
    <oddFooter>&amp;C&amp;P&amp;R(&amp;A)</oddFooter>
  </headerFooter>
  <ignoredErrors>
    <ignoredError sqref="B11" numberStoredAsText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  <pageSetUpPr fitToPage="1"/>
  </sheetPr>
  <dimension ref="A1:Q26"/>
  <sheetViews>
    <sheetView view="pageBreakPreview" zoomScaleNormal="70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5" customWidth="1"/>
    <col min="4" max="6" width="7.625" style="36" customWidth="1"/>
    <col min="7" max="7" width="10.625" style="1" customWidth="1"/>
    <col min="8" max="8" width="28.625" style="35" customWidth="1"/>
    <col min="9" max="9" width="10.625" style="4" customWidth="1"/>
    <col min="10" max="11" width="9.625" style="4" customWidth="1"/>
    <col min="12" max="13" width="15.625" style="1" customWidth="1"/>
    <col min="14" max="14" width="9.625" style="7" customWidth="1"/>
    <col min="15" max="16384" width="9" style="1"/>
  </cols>
  <sheetData>
    <row r="1" spans="1:15" s="6" customFormat="1" ht="37.35" customHeight="1" x14ac:dyDescent="0.15">
      <c r="A1" s="26"/>
      <c r="B1" s="26" t="s">
        <v>149</v>
      </c>
      <c r="C1" s="26" t="s">
        <v>169</v>
      </c>
      <c r="D1" s="60" t="s">
        <v>782</v>
      </c>
      <c r="E1" s="60" t="s">
        <v>518</v>
      </c>
      <c r="F1" s="60" t="s">
        <v>294</v>
      </c>
      <c r="G1" s="26" t="s">
        <v>163</v>
      </c>
      <c r="H1" s="26" t="s">
        <v>162</v>
      </c>
      <c r="I1" s="26" t="s">
        <v>160</v>
      </c>
      <c r="J1" s="26" t="s">
        <v>484</v>
      </c>
      <c r="K1" s="26" t="s">
        <v>221</v>
      </c>
      <c r="L1" s="26" t="s">
        <v>157</v>
      </c>
      <c r="M1" s="26" t="s">
        <v>155</v>
      </c>
      <c r="N1" s="63" t="s">
        <v>150</v>
      </c>
    </row>
    <row r="2" spans="1:15" ht="26.25" customHeight="1" x14ac:dyDescent="0.15">
      <c r="A2" s="16">
        <v>1</v>
      </c>
      <c r="B2" s="12">
        <v>1690100027</v>
      </c>
      <c r="C2" s="19" t="s">
        <v>781</v>
      </c>
      <c r="D2" s="40">
        <v>25</v>
      </c>
      <c r="E2" s="40">
        <v>15</v>
      </c>
      <c r="F2" s="40">
        <v>5</v>
      </c>
      <c r="G2" s="12">
        <v>9301312</v>
      </c>
      <c r="H2" s="19" t="s">
        <v>780</v>
      </c>
      <c r="I2" s="43" t="s">
        <v>36</v>
      </c>
      <c r="J2" s="12" t="s">
        <v>171</v>
      </c>
      <c r="K2" s="12" t="s">
        <v>171</v>
      </c>
      <c r="L2" s="12" t="s">
        <v>779</v>
      </c>
      <c r="M2" s="12" t="s">
        <v>722</v>
      </c>
      <c r="N2" s="48">
        <v>39114</v>
      </c>
    </row>
    <row r="3" spans="1:15" ht="26.25" customHeight="1" x14ac:dyDescent="0.15">
      <c r="A3" s="16">
        <v>2</v>
      </c>
      <c r="B3" s="12">
        <v>1690100068</v>
      </c>
      <c r="C3" s="16" t="s">
        <v>366</v>
      </c>
      <c r="D3" s="40">
        <v>29</v>
      </c>
      <c r="E3" s="40">
        <v>18</v>
      </c>
      <c r="F3" s="40">
        <v>7</v>
      </c>
      <c r="G3" s="12">
        <v>9318431</v>
      </c>
      <c r="H3" s="16" t="s">
        <v>440</v>
      </c>
      <c r="I3" s="12" t="s">
        <v>692</v>
      </c>
      <c r="J3" s="12" t="s">
        <v>171</v>
      </c>
      <c r="K3" s="12" t="s">
        <v>171</v>
      </c>
      <c r="L3" s="12" t="s">
        <v>689</v>
      </c>
      <c r="M3" s="12" t="s">
        <v>43</v>
      </c>
      <c r="N3" s="48">
        <v>39173</v>
      </c>
    </row>
    <row r="4" spans="1:15" ht="26.25" customHeight="1" x14ac:dyDescent="0.15">
      <c r="A4" s="16">
        <v>3</v>
      </c>
      <c r="B4" s="12">
        <v>1690100076</v>
      </c>
      <c r="C4" s="16" t="s">
        <v>778</v>
      </c>
      <c r="D4" s="40">
        <v>29</v>
      </c>
      <c r="E4" s="40">
        <v>18</v>
      </c>
      <c r="F4" s="40">
        <v>6</v>
      </c>
      <c r="G4" s="12">
        <v>9302243</v>
      </c>
      <c r="H4" s="16" t="s">
        <v>620</v>
      </c>
      <c r="I4" s="12" t="s">
        <v>229</v>
      </c>
      <c r="J4" s="12" t="s">
        <v>171</v>
      </c>
      <c r="K4" s="12" t="s">
        <v>171</v>
      </c>
      <c r="L4" s="12" t="s">
        <v>777</v>
      </c>
      <c r="M4" s="12" t="s">
        <v>776</v>
      </c>
      <c r="N4" s="48">
        <v>39173</v>
      </c>
    </row>
    <row r="5" spans="1:15" ht="26.25" customHeight="1" x14ac:dyDescent="0.15">
      <c r="A5" s="16">
        <v>4</v>
      </c>
      <c r="B5" s="12">
        <v>1690100134</v>
      </c>
      <c r="C5" s="16" t="s">
        <v>515</v>
      </c>
      <c r="D5" s="40">
        <v>29</v>
      </c>
      <c r="E5" s="40">
        <v>15</v>
      </c>
      <c r="F5" s="40">
        <v>5</v>
      </c>
      <c r="G5" s="12">
        <v>9300871</v>
      </c>
      <c r="H5" s="16" t="s">
        <v>7</v>
      </c>
      <c r="I5" s="12" t="s">
        <v>28</v>
      </c>
      <c r="J5" s="12" t="s">
        <v>171</v>
      </c>
      <c r="K5" s="12" t="s">
        <v>171</v>
      </c>
      <c r="L5" s="12" t="s">
        <v>704</v>
      </c>
      <c r="M5" s="12" t="s">
        <v>702</v>
      </c>
      <c r="N5" s="48">
        <v>39448</v>
      </c>
    </row>
    <row r="6" spans="1:15" ht="26.25" customHeight="1" x14ac:dyDescent="0.15">
      <c r="A6" s="16">
        <v>5</v>
      </c>
      <c r="B6" s="12">
        <v>1690100159</v>
      </c>
      <c r="C6" s="16" t="s">
        <v>751</v>
      </c>
      <c r="D6" s="40">
        <v>25</v>
      </c>
      <c r="E6" s="40">
        <v>15</v>
      </c>
      <c r="F6" s="40">
        <v>8</v>
      </c>
      <c r="G6" s="12">
        <v>9300922</v>
      </c>
      <c r="H6" s="16" t="s">
        <v>180</v>
      </c>
      <c r="I6" s="12" t="s">
        <v>172</v>
      </c>
      <c r="J6" s="12" t="s">
        <v>171</v>
      </c>
      <c r="K6" s="12" t="s">
        <v>171</v>
      </c>
      <c r="L6" s="12" t="s">
        <v>647</v>
      </c>
      <c r="M6" s="12" t="s">
        <v>218</v>
      </c>
      <c r="N6" s="48">
        <v>39508</v>
      </c>
    </row>
    <row r="7" spans="1:15" ht="26.25" customHeight="1" x14ac:dyDescent="0.15">
      <c r="A7" s="16">
        <v>6</v>
      </c>
      <c r="B7" s="12">
        <v>1690100167</v>
      </c>
      <c r="C7" s="16" t="s">
        <v>319</v>
      </c>
      <c r="D7" s="40">
        <v>25</v>
      </c>
      <c r="E7" s="40">
        <v>15</v>
      </c>
      <c r="F7" s="40">
        <v>9</v>
      </c>
      <c r="G7" s="12">
        <v>9300801</v>
      </c>
      <c r="H7" s="16" t="s">
        <v>654</v>
      </c>
      <c r="I7" s="12" t="s">
        <v>325</v>
      </c>
      <c r="J7" s="12" t="s">
        <v>171</v>
      </c>
      <c r="K7" s="12" t="s">
        <v>171</v>
      </c>
      <c r="L7" s="12" t="s">
        <v>705</v>
      </c>
      <c r="M7" s="12" t="s">
        <v>548</v>
      </c>
      <c r="N7" s="48">
        <v>39539</v>
      </c>
    </row>
    <row r="8" spans="1:15" ht="26.25" customHeight="1" x14ac:dyDescent="0.15">
      <c r="A8" s="16">
        <v>7</v>
      </c>
      <c r="B8" s="12">
        <v>1690100217</v>
      </c>
      <c r="C8" s="16" t="s">
        <v>773</v>
      </c>
      <c r="D8" s="40">
        <v>29</v>
      </c>
      <c r="E8" s="40">
        <v>18</v>
      </c>
      <c r="F8" s="40">
        <v>9</v>
      </c>
      <c r="G8" s="12">
        <v>9300821</v>
      </c>
      <c r="H8" s="16" t="s">
        <v>24</v>
      </c>
      <c r="I8" s="12" t="s">
        <v>772</v>
      </c>
      <c r="J8" s="12" t="s">
        <v>171</v>
      </c>
      <c r="K8" s="12" t="s">
        <v>171</v>
      </c>
      <c r="L8" s="12" t="s">
        <v>49</v>
      </c>
      <c r="M8" s="12" t="s">
        <v>125</v>
      </c>
      <c r="N8" s="48">
        <v>39600</v>
      </c>
    </row>
    <row r="9" spans="1:15" ht="26.25" customHeight="1" x14ac:dyDescent="0.15">
      <c r="A9" s="16">
        <v>8</v>
      </c>
      <c r="B9" s="12">
        <v>1690100241</v>
      </c>
      <c r="C9" s="19" t="s">
        <v>771</v>
      </c>
      <c r="D9" s="40">
        <v>29</v>
      </c>
      <c r="E9" s="40">
        <v>15</v>
      </c>
      <c r="F9" s="40">
        <v>5</v>
      </c>
      <c r="G9" s="12">
        <v>9300053</v>
      </c>
      <c r="H9" s="16" t="s">
        <v>770</v>
      </c>
      <c r="I9" s="12" t="s">
        <v>699</v>
      </c>
      <c r="J9" s="12" t="s">
        <v>171</v>
      </c>
      <c r="K9" s="12" t="s">
        <v>171</v>
      </c>
      <c r="L9" s="12" t="s">
        <v>349</v>
      </c>
      <c r="M9" s="62" t="s">
        <v>344</v>
      </c>
      <c r="N9" s="48">
        <v>39722</v>
      </c>
    </row>
    <row r="10" spans="1:15" ht="26.25" customHeight="1" x14ac:dyDescent="0.15">
      <c r="A10" s="16">
        <v>9</v>
      </c>
      <c r="B10" s="12">
        <v>1690100274</v>
      </c>
      <c r="C10" s="19" t="s">
        <v>637</v>
      </c>
      <c r="D10" s="40">
        <v>29</v>
      </c>
      <c r="E10" s="40">
        <v>18</v>
      </c>
      <c r="F10" s="40">
        <v>9</v>
      </c>
      <c r="G10" s="12">
        <v>9300955</v>
      </c>
      <c r="H10" s="16" t="s">
        <v>634</v>
      </c>
      <c r="I10" s="12" t="s">
        <v>287</v>
      </c>
      <c r="J10" s="12" t="s">
        <v>171</v>
      </c>
      <c r="K10" s="12" t="s">
        <v>171</v>
      </c>
      <c r="L10" s="12" t="s">
        <v>633</v>
      </c>
      <c r="M10" s="62" t="s">
        <v>159</v>
      </c>
      <c r="N10" s="48">
        <v>39873</v>
      </c>
    </row>
    <row r="11" spans="1:15" ht="26.25" customHeight="1" x14ac:dyDescent="0.15">
      <c r="A11" s="16">
        <v>10</v>
      </c>
      <c r="B11" s="12">
        <v>1690100290</v>
      </c>
      <c r="C11" s="19" t="s">
        <v>652</v>
      </c>
      <c r="D11" s="40">
        <v>29</v>
      </c>
      <c r="E11" s="19">
        <v>18</v>
      </c>
      <c r="F11" s="19">
        <v>5</v>
      </c>
      <c r="G11" s="12">
        <v>9318336</v>
      </c>
      <c r="H11" s="40" t="s">
        <v>156</v>
      </c>
      <c r="I11" s="43" t="s">
        <v>201</v>
      </c>
      <c r="J11" s="12" t="s">
        <v>171</v>
      </c>
      <c r="K11" s="12" t="s">
        <v>171</v>
      </c>
      <c r="L11" s="12" t="s">
        <v>768</v>
      </c>
      <c r="M11" s="12" t="s">
        <v>766</v>
      </c>
      <c r="N11" s="48">
        <v>39904</v>
      </c>
    </row>
    <row r="12" spans="1:15" ht="26.25" customHeight="1" x14ac:dyDescent="0.15">
      <c r="A12" s="16">
        <v>11</v>
      </c>
      <c r="B12" s="13">
        <v>1690100472</v>
      </c>
      <c r="C12" s="17" t="s">
        <v>765</v>
      </c>
      <c r="D12" s="19">
        <v>25</v>
      </c>
      <c r="E12" s="19">
        <v>15</v>
      </c>
      <c r="F12" s="19">
        <v>6</v>
      </c>
      <c r="G12" s="13">
        <v>9393515</v>
      </c>
      <c r="H12" s="17" t="s">
        <v>50</v>
      </c>
      <c r="I12" s="12" t="s">
        <v>126</v>
      </c>
      <c r="J12" s="12" t="s">
        <v>171</v>
      </c>
      <c r="K12" s="12" t="s">
        <v>171</v>
      </c>
      <c r="L12" s="13" t="s">
        <v>494</v>
      </c>
      <c r="M12" s="13" t="s">
        <v>53</v>
      </c>
      <c r="N12" s="48">
        <v>40634</v>
      </c>
      <c r="O12" s="64"/>
    </row>
    <row r="13" spans="1:15" ht="26.25" customHeight="1" x14ac:dyDescent="0.15">
      <c r="A13" s="16">
        <v>12</v>
      </c>
      <c r="B13" s="13">
        <v>1690100449</v>
      </c>
      <c r="C13" s="17" t="s">
        <v>352</v>
      </c>
      <c r="D13" s="40">
        <v>25</v>
      </c>
      <c r="E13" s="19">
        <v>15</v>
      </c>
      <c r="F13" s="19">
        <v>7</v>
      </c>
      <c r="G13" s="13">
        <v>9398185</v>
      </c>
      <c r="H13" s="17" t="s">
        <v>131</v>
      </c>
      <c r="I13" s="12" t="s">
        <v>136</v>
      </c>
      <c r="J13" s="12" t="s">
        <v>171</v>
      </c>
      <c r="K13" s="12" t="s">
        <v>171</v>
      </c>
      <c r="L13" s="13" t="s">
        <v>764</v>
      </c>
      <c r="M13" s="13" t="s">
        <v>762</v>
      </c>
      <c r="N13" s="48">
        <v>40634</v>
      </c>
      <c r="O13" s="64"/>
    </row>
    <row r="14" spans="1:15" ht="26.25" customHeight="1" x14ac:dyDescent="0.15">
      <c r="A14" s="16">
        <v>13</v>
      </c>
      <c r="B14" s="13">
        <v>1690100571</v>
      </c>
      <c r="C14" s="17" t="s">
        <v>761</v>
      </c>
      <c r="D14" s="40">
        <v>29</v>
      </c>
      <c r="E14" s="19">
        <v>18</v>
      </c>
      <c r="F14" s="19">
        <v>9</v>
      </c>
      <c r="G14" s="13">
        <v>9318325</v>
      </c>
      <c r="H14" s="17" t="s">
        <v>602</v>
      </c>
      <c r="I14" s="12" t="s">
        <v>6</v>
      </c>
      <c r="J14" s="12" t="s">
        <v>171</v>
      </c>
      <c r="K14" s="12" t="s">
        <v>171</v>
      </c>
      <c r="L14" s="13" t="s">
        <v>671</v>
      </c>
      <c r="M14" s="13" t="s">
        <v>32</v>
      </c>
      <c r="N14" s="48">
        <v>40634</v>
      </c>
      <c r="O14" s="64"/>
    </row>
    <row r="15" spans="1:15" ht="26.25" customHeight="1" x14ac:dyDescent="0.15">
      <c r="A15" s="16">
        <v>14</v>
      </c>
      <c r="B15" s="13">
        <v>1690100399</v>
      </c>
      <c r="C15" s="17" t="s">
        <v>760</v>
      </c>
      <c r="D15" s="19">
        <v>25</v>
      </c>
      <c r="E15" s="19">
        <v>15</v>
      </c>
      <c r="F15" s="19">
        <v>5</v>
      </c>
      <c r="G15" s="13">
        <v>9300847</v>
      </c>
      <c r="H15" s="17" t="s">
        <v>335</v>
      </c>
      <c r="I15" s="12" t="s">
        <v>454</v>
      </c>
      <c r="J15" s="12" t="s">
        <v>171</v>
      </c>
      <c r="K15" s="12" t="s">
        <v>171</v>
      </c>
      <c r="L15" s="13" t="s">
        <v>759</v>
      </c>
      <c r="M15" s="13" t="s">
        <v>200</v>
      </c>
      <c r="N15" s="48">
        <v>40634</v>
      </c>
      <c r="O15" s="64"/>
    </row>
    <row r="16" spans="1:15" ht="26.25" customHeight="1" x14ac:dyDescent="0.15">
      <c r="A16" s="16">
        <v>15</v>
      </c>
      <c r="B16" s="13">
        <v>1690100589</v>
      </c>
      <c r="C16" s="17" t="s">
        <v>758</v>
      </c>
      <c r="D16" s="19">
        <v>25</v>
      </c>
      <c r="E16" s="19">
        <v>15</v>
      </c>
      <c r="F16" s="19">
        <v>9</v>
      </c>
      <c r="G16" s="13">
        <v>9300166</v>
      </c>
      <c r="H16" s="17" t="s">
        <v>27</v>
      </c>
      <c r="I16" s="12" t="s">
        <v>21</v>
      </c>
      <c r="J16" s="12" t="s">
        <v>171</v>
      </c>
      <c r="K16" s="12" t="s">
        <v>171</v>
      </c>
      <c r="L16" s="13" t="s">
        <v>666</v>
      </c>
      <c r="M16" s="13" t="s">
        <v>663</v>
      </c>
      <c r="N16" s="48">
        <v>40664</v>
      </c>
      <c r="O16" s="64"/>
    </row>
    <row r="17" spans="1:17" ht="26.25" customHeight="1" x14ac:dyDescent="0.15">
      <c r="A17" s="16">
        <v>16</v>
      </c>
      <c r="B17" s="13">
        <v>1690100688</v>
      </c>
      <c r="C17" s="19" t="s">
        <v>128</v>
      </c>
      <c r="D17" s="19">
        <v>25</v>
      </c>
      <c r="E17" s="19">
        <v>15</v>
      </c>
      <c r="F17" s="19">
        <v>9</v>
      </c>
      <c r="G17" s="13">
        <v>9300138</v>
      </c>
      <c r="H17" s="16" t="s">
        <v>742</v>
      </c>
      <c r="I17" s="12" t="s">
        <v>367</v>
      </c>
      <c r="J17" s="12" t="s">
        <v>171</v>
      </c>
      <c r="K17" s="12" t="s">
        <v>171</v>
      </c>
      <c r="L17" s="12" t="s">
        <v>757</v>
      </c>
      <c r="M17" s="12" t="s">
        <v>187</v>
      </c>
      <c r="N17" s="48">
        <v>41000</v>
      </c>
      <c r="O17" s="64"/>
    </row>
    <row r="18" spans="1:17" ht="26.25" customHeight="1" x14ac:dyDescent="0.15">
      <c r="A18" s="16">
        <v>17</v>
      </c>
      <c r="B18" s="13">
        <v>1690100837</v>
      </c>
      <c r="C18" s="19" t="s">
        <v>756</v>
      </c>
      <c r="D18" s="19">
        <v>18</v>
      </c>
      <c r="E18" s="19">
        <v>12</v>
      </c>
      <c r="F18" s="19">
        <v>4</v>
      </c>
      <c r="G18" s="13">
        <v>9398195</v>
      </c>
      <c r="H18" s="16" t="s">
        <v>152</v>
      </c>
      <c r="I18" s="12" t="s">
        <v>755</v>
      </c>
      <c r="J18" s="12" t="s">
        <v>171</v>
      </c>
      <c r="K18" s="12" t="s">
        <v>171</v>
      </c>
      <c r="L18" s="12" t="s">
        <v>754</v>
      </c>
      <c r="M18" s="12" t="s">
        <v>753</v>
      </c>
      <c r="N18" s="48">
        <v>42583</v>
      </c>
      <c r="O18" s="64"/>
    </row>
    <row r="19" spans="1:17" ht="26.25" customHeight="1" x14ac:dyDescent="0.15">
      <c r="A19" s="16">
        <v>18</v>
      </c>
      <c r="B19" s="13">
        <v>1690101090</v>
      </c>
      <c r="C19" s="19" t="s">
        <v>752</v>
      </c>
      <c r="D19" s="19">
        <v>29</v>
      </c>
      <c r="E19" s="19">
        <v>18</v>
      </c>
      <c r="F19" s="19">
        <v>9</v>
      </c>
      <c r="G19" s="13">
        <v>9300936</v>
      </c>
      <c r="H19" s="16" t="s">
        <v>750</v>
      </c>
      <c r="I19" s="12" t="s">
        <v>172</v>
      </c>
      <c r="J19" s="12" t="s">
        <v>171</v>
      </c>
      <c r="K19" s="12" t="s">
        <v>171</v>
      </c>
      <c r="L19" s="12" t="s">
        <v>118</v>
      </c>
      <c r="M19" s="12" t="s">
        <v>176</v>
      </c>
      <c r="N19" s="48">
        <v>43374</v>
      </c>
      <c r="O19" s="64"/>
    </row>
    <row r="20" spans="1:17" ht="26.25" customHeight="1" x14ac:dyDescent="0.15">
      <c r="A20" s="16">
        <v>19</v>
      </c>
      <c r="B20" s="13">
        <v>1690101199</v>
      </c>
      <c r="C20" s="19" t="s">
        <v>329</v>
      </c>
      <c r="D20" s="19">
        <v>29</v>
      </c>
      <c r="E20" s="19">
        <v>18</v>
      </c>
      <c r="F20" s="19">
        <v>7</v>
      </c>
      <c r="G20" s="13">
        <v>9300103</v>
      </c>
      <c r="H20" s="16" t="s">
        <v>748</v>
      </c>
      <c r="I20" s="12" t="s">
        <v>367</v>
      </c>
      <c r="J20" s="12" t="s">
        <v>171</v>
      </c>
      <c r="K20" s="12" t="s">
        <v>171</v>
      </c>
      <c r="L20" s="12" t="s">
        <v>183</v>
      </c>
      <c r="M20" s="12" t="s">
        <v>397</v>
      </c>
      <c r="N20" s="48">
        <v>43647</v>
      </c>
      <c r="O20" s="64"/>
      <c r="Q20" s="64"/>
    </row>
    <row r="21" spans="1:17" ht="26.25" customHeight="1" x14ac:dyDescent="0.15">
      <c r="A21" s="16">
        <v>20</v>
      </c>
      <c r="B21" s="13">
        <v>1690101496</v>
      </c>
      <c r="C21" s="19" t="s">
        <v>46</v>
      </c>
      <c r="D21" s="19">
        <v>18</v>
      </c>
      <c r="E21" s="19">
        <v>9</v>
      </c>
      <c r="F21" s="19">
        <v>9</v>
      </c>
      <c r="G21" s="13">
        <v>9301328</v>
      </c>
      <c r="H21" s="16" t="s">
        <v>29</v>
      </c>
      <c r="I21" s="12" t="s">
        <v>36</v>
      </c>
      <c r="J21" s="12" t="s">
        <v>171</v>
      </c>
      <c r="K21" s="12" t="s">
        <v>171</v>
      </c>
      <c r="L21" s="12" t="s">
        <v>20</v>
      </c>
      <c r="M21" s="12" t="s">
        <v>5</v>
      </c>
      <c r="N21" s="48">
        <v>44927</v>
      </c>
      <c r="O21" s="64"/>
      <c r="Q21" s="64"/>
    </row>
    <row r="22" spans="1:17" ht="26.25" customHeight="1" x14ac:dyDescent="0.15">
      <c r="A22" s="16">
        <v>21</v>
      </c>
      <c r="B22" s="13">
        <v>1690101553</v>
      </c>
      <c r="C22" s="19" t="s">
        <v>747</v>
      </c>
      <c r="D22" s="19">
        <v>18</v>
      </c>
      <c r="E22" s="19">
        <v>12</v>
      </c>
      <c r="F22" s="19">
        <v>6</v>
      </c>
      <c r="G22" s="13">
        <v>9302205</v>
      </c>
      <c r="H22" s="16" t="s">
        <v>87</v>
      </c>
      <c r="I22" s="12" t="s">
        <v>736</v>
      </c>
      <c r="J22" s="12" t="s">
        <v>171</v>
      </c>
      <c r="K22" s="12" t="s">
        <v>171</v>
      </c>
      <c r="L22" s="12" t="s">
        <v>745</v>
      </c>
      <c r="M22" s="12" t="s">
        <v>691</v>
      </c>
      <c r="N22" s="48">
        <v>45108</v>
      </c>
      <c r="O22" s="64"/>
      <c r="Q22" s="64"/>
    </row>
    <row r="23" spans="1:17" ht="26.25" customHeight="1" x14ac:dyDescent="0.15">
      <c r="A23" s="16">
        <v>22</v>
      </c>
      <c r="B23" s="13">
        <v>1690101645</v>
      </c>
      <c r="C23" s="19" t="s">
        <v>189</v>
      </c>
      <c r="D23" s="19">
        <v>25</v>
      </c>
      <c r="E23" s="19">
        <v>15</v>
      </c>
      <c r="F23" s="19">
        <v>7</v>
      </c>
      <c r="G23" s="13">
        <v>9392251</v>
      </c>
      <c r="H23" s="16" t="s">
        <v>799</v>
      </c>
      <c r="I23" s="12" t="s">
        <v>70</v>
      </c>
      <c r="J23" s="12" t="s">
        <v>171</v>
      </c>
      <c r="K23" s="12" t="s">
        <v>171</v>
      </c>
      <c r="L23" s="12" t="s">
        <v>798</v>
      </c>
      <c r="M23" s="12" t="s">
        <v>343</v>
      </c>
      <c r="N23" s="48">
        <v>45383</v>
      </c>
      <c r="O23" s="64"/>
      <c r="Q23" s="64"/>
    </row>
    <row r="24" spans="1:17" ht="26.25" customHeight="1" x14ac:dyDescent="0.15">
      <c r="A24" s="16">
        <v>23</v>
      </c>
      <c r="B24" s="13">
        <v>1690101660</v>
      </c>
      <c r="C24" s="19" t="s">
        <v>664</v>
      </c>
      <c r="D24" s="19">
        <v>29</v>
      </c>
      <c r="E24" s="19">
        <v>18</v>
      </c>
      <c r="F24" s="19">
        <v>9</v>
      </c>
      <c r="G24" s="13">
        <v>9300827</v>
      </c>
      <c r="H24" s="16" t="s">
        <v>774</v>
      </c>
      <c r="I24" s="12" t="s">
        <v>669</v>
      </c>
      <c r="J24" s="12" t="s">
        <v>171</v>
      </c>
      <c r="K24" s="12" t="s">
        <v>171</v>
      </c>
      <c r="L24" s="12" t="s">
        <v>483</v>
      </c>
      <c r="M24" s="12" t="s">
        <v>849</v>
      </c>
      <c r="N24" s="48">
        <v>45413</v>
      </c>
      <c r="O24" s="64"/>
      <c r="Q24" s="64"/>
    </row>
    <row r="25" spans="1:17" ht="26.25" customHeight="1" x14ac:dyDescent="0.15">
      <c r="A25" s="16">
        <v>24</v>
      </c>
      <c r="B25" s="13">
        <v>1690101678</v>
      </c>
      <c r="C25" s="19" t="s">
        <v>638</v>
      </c>
      <c r="D25" s="19">
        <v>25</v>
      </c>
      <c r="E25" s="19">
        <v>15</v>
      </c>
      <c r="F25" s="19">
        <v>9</v>
      </c>
      <c r="G25" s="13">
        <v>9300997</v>
      </c>
      <c r="H25" s="16" t="s">
        <v>850</v>
      </c>
      <c r="I25" s="12" t="s">
        <v>669</v>
      </c>
      <c r="J25" s="12" t="s">
        <v>171</v>
      </c>
      <c r="K25" s="12" t="s">
        <v>171</v>
      </c>
      <c r="L25" s="12" t="s">
        <v>851</v>
      </c>
      <c r="M25" s="12" t="s">
        <v>594</v>
      </c>
      <c r="N25" s="48">
        <v>45505</v>
      </c>
      <c r="O25" s="64"/>
      <c r="Q25" s="64"/>
    </row>
    <row r="26" spans="1:17" ht="26.25" customHeight="1" x14ac:dyDescent="0.15">
      <c r="A26" s="16"/>
      <c r="B26" s="16"/>
      <c r="C26" s="12" t="s">
        <v>4</v>
      </c>
      <c r="D26" s="61">
        <f>SUM(D2:D25)</f>
        <v>623</v>
      </c>
      <c r="E26" s="61"/>
      <c r="F26" s="61"/>
      <c r="G26" s="16"/>
      <c r="H26" s="19"/>
      <c r="I26" s="12"/>
      <c r="J26" s="12"/>
      <c r="K26" s="12"/>
      <c r="L26" s="16"/>
      <c r="M26" s="16"/>
      <c r="N26" s="48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0" fitToHeight="0" orientation="landscape" r:id="rId1"/>
  <headerFooter alignWithMargins="0">
    <oddHeader>&amp;C&amp;14小規模多機能居宅介護事業所一覧</oddHeader>
    <oddFooter>&amp;C&amp;P&amp;R(&amp;A)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/>
  </sheetPr>
  <dimension ref="A1:L35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5" customWidth="1"/>
    <col min="4" max="6" width="7.625" style="36" customWidth="1"/>
    <col min="7" max="7" width="10.625" style="1" customWidth="1"/>
    <col min="8" max="8" width="33.625" style="1" customWidth="1"/>
    <col min="9" max="9" width="10.625" style="1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66" t="s">
        <v>782</v>
      </c>
      <c r="E1" s="66" t="s">
        <v>518</v>
      </c>
      <c r="F1" s="66" t="s">
        <v>294</v>
      </c>
      <c r="G1" s="11" t="s">
        <v>163</v>
      </c>
      <c r="H1" s="11" t="s">
        <v>162</v>
      </c>
      <c r="I1" s="11" t="s">
        <v>160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90100845</v>
      </c>
      <c r="C2" s="19" t="s">
        <v>72</v>
      </c>
      <c r="D2" s="40">
        <v>29</v>
      </c>
      <c r="E2" s="40">
        <v>18</v>
      </c>
      <c r="F2" s="40">
        <v>9</v>
      </c>
      <c r="G2" s="12">
        <v>9318314</v>
      </c>
      <c r="H2" s="16" t="s">
        <v>354</v>
      </c>
      <c r="I2" s="12" t="s">
        <v>325</v>
      </c>
      <c r="J2" s="12" t="s">
        <v>790</v>
      </c>
      <c r="K2" s="12" t="s">
        <v>789</v>
      </c>
      <c r="L2" s="30">
        <v>42583</v>
      </c>
    </row>
    <row r="3" spans="1:12" ht="26.25" customHeight="1" x14ac:dyDescent="0.15">
      <c r="A3" s="9">
        <v>2</v>
      </c>
      <c r="B3" s="12">
        <v>1690100902</v>
      </c>
      <c r="C3" s="19" t="s">
        <v>273</v>
      </c>
      <c r="D3" s="40">
        <v>29</v>
      </c>
      <c r="E3" s="40">
        <v>15</v>
      </c>
      <c r="F3" s="40">
        <v>9</v>
      </c>
      <c r="G3" s="12">
        <v>9300966</v>
      </c>
      <c r="H3" s="40" t="s">
        <v>788</v>
      </c>
      <c r="I3" s="12" t="s">
        <v>355</v>
      </c>
      <c r="J3" s="12" t="s">
        <v>787</v>
      </c>
      <c r="K3" s="12" t="s">
        <v>786</v>
      </c>
      <c r="L3" s="70">
        <v>42776</v>
      </c>
    </row>
    <row r="4" spans="1:12" ht="26.25" customHeight="1" x14ac:dyDescent="0.15">
      <c r="A4" s="9">
        <v>3</v>
      </c>
      <c r="B4" s="12">
        <v>1690100969</v>
      </c>
      <c r="C4" s="16" t="s">
        <v>784</v>
      </c>
      <c r="D4" s="16">
        <v>29</v>
      </c>
      <c r="E4" s="16">
        <v>18</v>
      </c>
      <c r="F4" s="16">
        <v>9</v>
      </c>
      <c r="G4" s="12">
        <v>9392252</v>
      </c>
      <c r="H4" s="16" t="s">
        <v>313</v>
      </c>
      <c r="I4" s="12" t="s">
        <v>70</v>
      </c>
      <c r="J4" s="12" t="s">
        <v>650</v>
      </c>
      <c r="K4" s="12" t="s">
        <v>593</v>
      </c>
      <c r="L4" s="30">
        <v>42887</v>
      </c>
    </row>
    <row r="5" spans="1:12" ht="26.25" customHeight="1" x14ac:dyDescent="0.15">
      <c r="A5" s="9">
        <v>4</v>
      </c>
      <c r="B5" s="12">
        <v>1690101389</v>
      </c>
      <c r="C5" s="16" t="s">
        <v>783</v>
      </c>
      <c r="D5" s="16">
        <v>29</v>
      </c>
      <c r="E5" s="40">
        <v>15</v>
      </c>
      <c r="F5" s="40">
        <v>9</v>
      </c>
      <c r="G5" s="12">
        <v>9318403</v>
      </c>
      <c r="H5" s="16" t="s">
        <v>362</v>
      </c>
      <c r="I5" s="12" t="s">
        <v>434</v>
      </c>
      <c r="J5" s="12" t="s">
        <v>805</v>
      </c>
      <c r="K5" s="12" t="s">
        <v>641</v>
      </c>
      <c r="L5" s="48">
        <v>44256</v>
      </c>
    </row>
    <row r="6" spans="1:12" ht="26.25" customHeight="1" x14ac:dyDescent="0.15">
      <c r="A6" s="49"/>
      <c r="B6" s="50"/>
      <c r="C6" s="65" t="s">
        <v>4</v>
      </c>
      <c r="D6" s="67">
        <f>SUM(D2:D5)</f>
        <v>116</v>
      </c>
      <c r="E6" s="68"/>
      <c r="F6" s="50"/>
      <c r="G6" s="50"/>
      <c r="H6" s="52"/>
      <c r="I6" s="50"/>
      <c r="J6" s="50"/>
      <c r="K6" s="69"/>
      <c r="L6" s="71"/>
    </row>
    <row r="7" spans="1:12" x14ac:dyDescent="0.15">
      <c r="D7" s="1"/>
      <c r="E7" s="1"/>
      <c r="F7" s="1"/>
      <c r="H7" s="7"/>
      <c r="L7" s="1"/>
    </row>
    <row r="8" spans="1:12" x14ac:dyDescent="0.15">
      <c r="D8" s="1"/>
      <c r="E8" s="1"/>
      <c r="F8" s="1"/>
      <c r="H8" s="7"/>
      <c r="L8" s="1"/>
    </row>
    <row r="9" spans="1:12" x14ac:dyDescent="0.15">
      <c r="D9" s="1"/>
      <c r="E9" s="1"/>
      <c r="F9" s="1"/>
      <c r="H9" s="7"/>
      <c r="L9" s="1"/>
    </row>
    <row r="10" spans="1:12" x14ac:dyDescent="0.15">
      <c r="D10" s="1"/>
      <c r="E10" s="1"/>
      <c r="F10" s="1"/>
      <c r="H10" s="7"/>
      <c r="L10" s="1"/>
    </row>
    <row r="11" spans="1:12" x14ac:dyDescent="0.15">
      <c r="D11" s="1"/>
      <c r="E11" s="1"/>
      <c r="F11" s="1"/>
      <c r="H11" s="7"/>
      <c r="L11" s="1"/>
    </row>
    <row r="12" spans="1:12" x14ac:dyDescent="0.15">
      <c r="D12" s="1"/>
      <c r="E12" s="1"/>
      <c r="F12" s="1"/>
      <c r="H12" s="7"/>
      <c r="L12" s="1"/>
    </row>
    <row r="13" spans="1:12" x14ac:dyDescent="0.15">
      <c r="D13" s="1"/>
      <c r="E13" s="1"/>
      <c r="F13" s="1"/>
      <c r="H13" s="7"/>
      <c r="L13" s="1"/>
    </row>
    <row r="14" spans="1:12" x14ac:dyDescent="0.15">
      <c r="D14" s="1"/>
      <c r="E14" s="1"/>
      <c r="F14" s="1"/>
      <c r="H14" s="7"/>
      <c r="L14" s="1"/>
    </row>
    <row r="15" spans="1:12" x14ac:dyDescent="0.15">
      <c r="D15" s="1"/>
      <c r="E15" s="1"/>
      <c r="F15" s="1"/>
      <c r="H15" s="7"/>
      <c r="L15" s="1"/>
    </row>
    <row r="16" spans="1:12" x14ac:dyDescent="0.15">
      <c r="D16" s="1"/>
      <c r="E16" s="1"/>
      <c r="F16" s="1"/>
      <c r="H16" s="7"/>
      <c r="L16" s="1"/>
    </row>
    <row r="17" spans="4:12" x14ac:dyDescent="0.15">
      <c r="D17" s="1"/>
      <c r="E17" s="1"/>
      <c r="F17" s="1"/>
      <c r="H17" s="7"/>
      <c r="L17" s="1"/>
    </row>
    <row r="18" spans="4:12" x14ac:dyDescent="0.15">
      <c r="D18" s="1"/>
      <c r="E18" s="1"/>
      <c r="F18" s="1"/>
      <c r="H18" s="7"/>
      <c r="L18" s="1"/>
    </row>
    <row r="19" spans="4:12" x14ac:dyDescent="0.15">
      <c r="D19" s="1"/>
      <c r="E19" s="1"/>
      <c r="F19" s="1"/>
      <c r="H19" s="7"/>
      <c r="L19" s="1"/>
    </row>
    <row r="20" spans="4:12" x14ac:dyDescent="0.15">
      <c r="D20" s="1"/>
      <c r="E20" s="1"/>
      <c r="F20" s="1"/>
      <c r="H20" s="7"/>
      <c r="L20" s="1"/>
    </row>
    <row r="21" spans="4:12" x14ac:dyDescent="0.15">
      <c r="D21" s="1"/>
      <c r="E21" s="1"/>
      <c r="F21" s="1"/>
      <c r="H21" s="7"/>
      <c r="L21" s="1"/>
    </row>
    <row r="22" spans="4:12" x14ac:dyDescent="0.15">
      <c r="D22" s="1"/>
      <c r="E22" s="1"/>
      <c r="F22" s="1"/>
      <c r="H22" s="7"/>
      <c r="L22" s="1"/>
    </row>
    <row r="23" spans="4:12" x14ac:dyDescent="0.15">
      <c r="D23" s="1"/>
      <c r="E23" s="1"/>
      <c r="F23" s="1"/>
      <c r="H23" s="7"/>
      <c r="L23" s="1"/>
    </row>
    <row r="24" spans="4:12" x14ac:dyDescent="0.15">
      <c r="D24" s="1"/>
      <c r="E24" s="1"/>
      <c r="F24" s="1"/>
      <c r="H24" s="7"/>
      <c r="L24" s="1"/>
    </row>
    <row r="25" spans="4:12" x14ac:dyDescent="0.15">
      <c r="D25" s="1"/>
      <c r="E25" s="1"/>
      <c r="F25" s="1"/>
      <c r="H25" s="7"/>
      <c r="L25" s="1"/>
    </row>
    <row r="26" spans="4:12" x14ac:dyDescent="0.15">
      <c r="D26" s="1"/>
      <c r="E26" s="1"/>
      <c r="F26" s="1"/>
      <c r="H26" s="7"/>
      <c r="L26" s="1"/>
    </row>
    <row r="27" spans="4:12" x14ac:dyDescent="0.15">
      <c r="D27" s="1"/>
      <c r="E27" s="1"/>
      <c r="F27" s="1"/>
      <c r="H27" s="7"/>
      <c r="L27" s="1"/>
    </row>
    <row r="28" spans="4:12" x14ac:dyDescent="0.15">
      <c r="D28" s="1"/>
      <c r="E28" s="1"/>
      <c r="F28" s="1"/>
      <c r="H28" s="7"/>
      <c r="L28" s="1"/>
    </row>
    <row r="29" spans="4:12" x14ac:dyDescent="0.15">
      <c r="D29" s="1"/>
      <c r="E29" s="1"/>
      <c r="F29" s="1"/>
      <c r="H29" s="7"/>
      <c r="L29" s="1"/>
    </row>
    <row r="30" spans="4:12" x14ac:dyDescent="0.15">
      <c r="D30" s="1"/>
      <c r="E30" s="1"/>
      <c r="F30" s="1"/>
      <c r="H30" s="7"/>
      <c r="L30" s="1"/>
    </row>
    <row r="31" spans="4:12" x14ac:dyDescent="0.15">
      <c r="D31" s="1"/>
      <c r="E31" s="1"/>
      <c r="F31" s="1"/>
      <c r="H31" s="7"/>
      <c r="L31" s="1"/>
    </row>
    <row r="32" spans="4:12" x14ac:dyDescent="0.15">
      <c r="D32" s="1"/>
      <c r="E32" s="1"/>
      <c r="F32" s="1"/>
      <c r="H32" s="7"/>
      <c r="L32" s="1"/>
    </row>
    <row r="33" spans="4:12" x14ac:dyDescent="0.15">
      <c r="D33" s="1"/>
      <c r="E33" s="1"/>
      <c r="F33" s="1"/>
      <c r="H33" s="7"/>
      <c r="L33" s="1"/>
    </row>
    <row r="34" spans="4:12" x14ac:dyDescent="0.15">
      <c r="D34" s="1"/>
      <c r="E34" s="1"/>
      <c r="F34" s="1"/>
      <c r="H34" s="7"/>
      <c r="L34" s="1"/>
    </row>
    <row r="35" spans="4:12" x14ac:dyDescent="0.15">
      <c r="D35" s="1"/>
      <c r="E35" s="1"/>
      <c r="F35" s="1"/>
      <c r="H35" s="7"/>
      <c r="L35" s="1"/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75" orientation="landscape" r:id="rId1"/>
  <headerFooter alignWithMargins="0">
    <oddHeader>&amp;C&amp;14看護小規模多機能型居宅介護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0</vt:i4>
      </vt:variant>
    </vt:vector>
  </HeadingPairs>
  <TitlesOfParts>
    <vt:vector size="19" baseType="lpstr">
      <vt:lpstr>表紙</vt:lpstr>
      <vt:lpstr>地域密着型特養</vt:lpstr>
      <vt:lpstr>地域密着型デイ</vt:lpstr>
      <vt:lpstr>定期巡回・随時対応型</vt:lpstr>
      <vt:lpstr>夜間対応型訪問介護</vt:lpstr>
      <vt:lpstr>グループホーム</vt:lpstr>
      <vt:lpstr>認知症対応型通所介護</vt:lpstr>
      <vt:lpstr>小規模多機能居宅介護</vt:lpstr>
      <vt:lpstr>看護小規模多機能型居宅介護</vt:lpstr>
      <vt:lpstr>グループホーム!Print_Area</vt:lpstr>
      <vt:lpstr>地域密着型デイ!Print_Area</vt:lpstr>
      <vt:lpstr>地域密着型特養!Print_Area</vt:lpstr>
      <vt:lpstr>定期巡回・随時対応型!Print_Area</vt:lpstr>
      <vt:lpstr>認知症対応型通所介護!Print_Area</vt:lpstr>
      <vt:lpstr>小規模多機能居宅介護!Print_Titles</vt:lpstr>
      <vt:lpstr>地域密着型デイ!Print_Titles</vt:lpstr>
      <vt:lpstr>定期巡回・随時対応型!Print_Titles</vt:lpstr>
      <vt:lpstr>認知症対応型通所介護!Print_Titles</vt:lpstr>
      <vt:lpstr>夜間対応型訪問介護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7-30T23:37:36Z</cp:lastPrinted>
  <dcterms:created xsi:type="dcterms:W3CDTF">2023-12-01T06:15:57Z</dcterms:created>
  <dcterms:modified xsi:type="dcterms:W3CDTF">2026-01-15T06:20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1-14T23:31:49Z</vt:filetime>
  </property>
</Properties>
</file>